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94" d="100"/>
          <a:sy n="94" d="100"/>
        </p:scale>
        <p:origin x="114" y="15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A4AE49-78B0-EAB8-345A-1158988D31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88FDD60-DD46-FC04-67CC-75E7ACEF827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606AB3-C3F2-F5C5-17A2-72FD726C8A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98DFB5-8BCE-91F2-E356-0E9E54DD52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01C644-F097-B57C-230A-F5A2D8E293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427953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24F300-0C52-3D8E-7D3F-E3260F0FC1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ABF7760-6CFC-D55A-DA13-E51591E3E41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246241-D7BE-431E-FC79-D81CCC152A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855B3B-2E36-33AA-4250-3EB9E9A548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639E3F-346B-C3D0-8E07-88A689C80E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217759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5B3CD5D-884F-F0A3-C963-E1F93823EA1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3D4385C-F463-41F9-A2E0-F2057274A91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1A9E45-4837-7786-F3E4-C2D384F2B0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7D72DFD-72FF-47EE-B054-19D2AAF154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FBE78D-296B-3D88-7D1D-BD0219C3CE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181653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FC010D-AD17-8F2A-ADAD-44DA87B391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2920E64-7EB3-CB45-8953-5A0FFE60DD3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398187-D9E9-83FE-FD07-0864B8E444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4A0990-F809-EF5F-73A6-07D1E33A2A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E4C9BE-FA4D-6DD7-92AF-E2AD75A266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956362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8563D9-9892-5208-CB27-FC673EC17B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F0DBE9A-6F31-563E-D12E-1BF9C1C071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5B142B2-24E1-F81C-E846-727B9A5A79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D25A1B-F7D9-5B03-2666-F3D51324F0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A18BBD-3F2B-601D-9A86-D54906AAB7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384657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02C987-6344-7F93-6C65-13F981AD12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048F0FD-9016-E630-2C0A-6B7B12C6201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39049C3-7DDA-F7B0-FFF4-C84BAAEF13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E000BC-78CC-D474-41BC-D43B396F32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2D26DD-BB2C-B3EF-8E2D-6DE62DC39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729111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CFED35-6DCE-87D4-1E2B-F44DD8BB21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72588D8-EB1B-2095-2113-66EB15D7F43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1347DC7-788A-560D-C47C-2BB761EDF36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BE47F55-7B0F-70DC-D424-620EC47820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59DA96E-374B-B172-7FA3-73E51076B2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F5D796-E850-BF5B-759D-666263472B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309881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29760E-E7A8-6D12-2E86-7603FA5FF4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9B33AAA-4885-79EE-AA6E-69B970F3C7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4AB3AF0-4431-7A2E-8565-B77BA7C83CD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A06ED8F-4876-0C40-DC02-C5091182FB7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E9D769D-C43E-C535-466D-9105370BE03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6D075CF-3CF3-7F31-0694-A3E915F199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1C47D6F-E41E-B92C-EAD3-FF665F9142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19C420-6991-9F9F-403B-DBE2DC0859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604936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8E1FCA-3D86-FD4C-28E4-0CB808DE00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7CEA5CF-F20B-B187-273F-90B34D02CA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43E1F89-FE36-B319-FD0D-585590F11E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92FF33E-DC56-1082-FF4D-AABAD2FED0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745909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D1344F3-4419-E3B2-ABB6-F53DEF961D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AF47D1B-B665-ECCD-46F1-9C2C15F495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EB7648-FCDD-0624-5DDC-2FA2DA6E4E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486240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7723FC-9C1C-AD63-254F-067EDAB909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E1A9CC-3110-DC61-B4E8-C71AB477AC0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3FF3C96-F52A-DCE7-BC88-3CB33A030D3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D8BA626-E030-2206-68C5-1EAA751A88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83C9A53-9F25-A6DB-0A73-90A4A03C19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9A146A4-7C5A-180F-870C-5AA5F8F991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384872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E6DC1B-3D71-92A2-91C2-E3D3DE6937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9BD3C05-33F4-2633-9F63-2864AB13F9B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86CEF5C-21D6-6BB4-0751-DDBAB170DF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0342C3-EF9F-D324-BE94-024EECB987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B8D5A1-3510-64BB-E9E2-F387C89B97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845742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C4800-8440-6866-2ACD-1D66F74C01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42C765F-DF1E-9D0F-CFFA-07DA627F4BC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957269-8914-EE74-4B1D-BD576D06480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323402B-30DE-5728-AEDF-2CAC220DA7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1744A58-EC69-4BF3-7C91-157353C4DA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F302BF3-7E7B-6B1F-39EA-4B44F5A880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284200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A2A82C-E1C1-5980-6231-F87C2409EF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3A970B9-7876-2E21-AE6E-2835C7BA5BF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6F5CDBC-2B9A-8A1E-D90C-64B8DFCD8E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88D4406-E9FB-B23C-8C06-CD997B6C6E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F8B702-726A-EE8D-885F-F18A3BFD76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587937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3775B8D-AE13-1338-4C34-C637F55EF06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503E668-0B05-EBCA-66B3-7A3441C5194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0AB84D-195A-8CC8-EA1B-EC28BA9F2B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9BD1699-5A97-0189-3599-56668A139F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7BCC5B-DB77-0386-A40C-55BBCB1EAD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96331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75D0C9-5808-E9A6-5D5A-85CCF72BF9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F3F6EB-16E9-990B-AF2D-E090494AA3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F60132-8BAB-348B-9E42-2EE8AD9C30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52941C7-FE25-DBFC-3309-1637F28579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EAC6B9-D2EB-BAB2-8F12-4D18843A7F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12191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91A9E5-65D3-F91A-E78B-740882C550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B95B75-6338-365D-67ED-7DC62852151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DCFD09-90F8-BED0-E15C-508E80D719D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16F501D-6D88-976F-307F-B32FDE6B10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FE41F47-4A49-7135-4BD0-9BBFF62FD2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BE86012-BA1D-11EF-33DC-BB5832AF1F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264263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0650F9-AFDA-3AA5-9B4A-2A8D862AA1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9236737-D9B0-51BC-C27D-8083ED6C67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F447C10-4145-9D48-F20A-F856EB4AC0E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42520F3-C344-D5B0-7497-E3B994F5E8A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BE8E33-D26D-36BB-2F4E-71F866530AD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C5D1929-41CD-E92C-2E33-1FF11DB6EC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5838A02-52BD-2721-81E3-CA340FABB3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80627A0-0D74-E951-864F-47A1835326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47531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6CC9F6-7731-9294-DE0B-315175A93F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60C085A-80D7-88B2-F1BB-3FDD426B79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4A0C87E-6068-D8D8-F9EB-AD032CA942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8FACCDC-D243-B4BC-6D90-87DE1FC886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02677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DD89723-DCEE-22BA-3BC8-EA228C985A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7256464-7D3F-3435-13C8-B076F1157C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CCFA816-0A8D-66FF-7F8D-EDFF4201EB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24157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A1B790-6C3B-2ADF-C071-B78C23AFAF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D0A60D-0166-E98B-8425-627BD0ADEE0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5347C42-6AB7-AD67-53B7-8FA815C14F3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39A6B0F-3550-BEC6-87C1-FE632F1D5F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C10FAE8-ABC0-06D3-79D0-EAF699DFFE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D038256-C142-5CCA-FE12-4AC0A858D8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18204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D310F6-E122-77E1-D3D4-A77F556EB4C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AF35434-59EA-24C7-F87B-37ABC7B9125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B6AA8DB-7A96-5E73-91A7-E421A771020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9E228B-1674-F8F1-2F14-4FFAFA7712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68B742D-DAF4-15FC-56C3-8F96EAB909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2B419B-AF4A-0DCB-9D9D-976F3053EA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8489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1380F9E-8A48-8230-642A-63FB9F4C7F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A689004-E3D2-77D1-237A-43127C0048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FACDF2-2250-2D84-5532-216649CAAFE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AC726070-6C7A-4708-BC25-BFDB608136AA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A2E622-7F2A-E202-1B6E-2D55062E5C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34656C5-8F11-1D0C-AD4B-FD865E46AD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9B0D3B4C-0529-43B2-B6EA-803C034FFF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60094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90C8B4D-1CC3-8C7D-D74F-E4CC3004523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7BE4DA-8FCB-B168-7C26-27941319272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26746C9-FBF9-83A0-C967-EE4664C5E6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02D559-B07E-41B0-A27B-A6AE521FB433}" type="datetimeFigureOut">
              <a:rPr lang="en-US" smtClean="0"/>
              <a:t>1/2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7637D7C-BF4F-C1CF-1C65-CD8C001D3CC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148428A-6205-7367-3047-EF7D40C10CD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016D1B2-C904-4A35-B46E-5A53B5120F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60328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91" Type="http://schemas.openxmlformats.org/officeDocument/2006/relationships/image" Target="../media/image4.sv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image" Target="../media/image5.png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slideLayout" Target="../slideLayouts/slideLayout1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0" Type="http://schemas.openxmlformats.org/officeDocument/2006/relationships/image" Target="../media/image3.png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Graphic 8">
            <a:extLst>
              <a:ext uri="{FF2B5EF4-FFF2-40B4-BE49-F238E27FC236}">
                <a16:creationId xmlns:a16="http://schemas.microsoft.com/office/drawing/2014/main" id="{75005FEA-CE56-3787-A140-9AC4BBE45399}"/>
              </a:ext>
            </a:extLst>
          </p:cNvPr>
          <p:cNvPicPr>
            <a:picLocks noChangeAspect="1"/>
          </p:cNvPicPr>
          <p:nvPr/>
        </p:nvPicPr>
        <p:blipFill rotWithShape="1">
          <a:blip r:embed="rId190">
            <a:alphaModFix amt="35000"/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1"/>
              </a:ext>
            </a:extLst>
          </a:blip>
          <a:srcRect l="-9568" t="5897" r="-7198" b="5651"/>
          <a:stretch/>
        </p:blipFill>
        <p:spPr>
          <a:xfrm>
            <a:off x="0" y="1"/>
            <a:ext cx="12192001" cy="6858000"/>
          </a:xfrm>
          <a:prstGeom prst="rect">
            <a:avLst/>
          </a:prstGeom>
        </p:spPr>
      </p:pic>
      <p:sp>
        <p:nvSpPr>
          <p:cNvPr id="93" name="OTLSHAPE_SL2A_a0a780bef9ff447584d6faf177ec4f29_BackgroundRectangle">
            <a:extLst>
              <a:ext uri="{FF2B5EF4-FFF2-40B4-BE49-F238E27FC236}">
                <a16:creationId xmlns:a16="http://schemas.microsoft.com/office/drawing/2014/main" id="{55BB5AAF-CE3B-336A-B4B9-3E5C93A5451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461124" y="1135888"/>
            <a:ext cx="9804400" cy="390991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dk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53" name="OTLSHAPE_SL2A_1ff09d4f7d6043d58ba3fae5de707a94_BackgroundRectangle">
            <a:extLst>
              <a:ext uri="{FF2B5EF4-FFF2-40B4-BE49-F238E27FC236}">
                <a16:creationId xmlns:a16="http://schemas.microsoft.com/office/drawing/2014/main" id="{F0D4C856-8F3D-7F59-E409-04F37A99A68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461124" y="1526879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64" name="OTLSHAPE_SL2A_44b6116d6ca9432883b3f2160dc63c34_BackgroundRectangle">
            <a:extLst>
              <a:ext uri="{FF2B5EF4-FFF2-40B4-BE49-F238E27FC236}">
                <a16:creationId xmlns:a16="http://schemas.microsoft.com/office/drawing/2014/main" id="{F07E041A-50BE-8925-1108-73F23E9C527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461124" y="1806279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dk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75" name="OTLSHAPE_SL2A_97291ba827c94b2a925c025b1f43f14b_BackgroundRectangle">
            <a:extLst>
              <a:ext uri="{FF2B5EF4-FFF2-40B4-BE49-F238E27FC236}">
                <a16:creationId xmlns:a16="http://schemas.microsoft.com/office/drawing/2014/main" id="{A8C455A8-E474-7E3B-712E-A185514866E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61124" y="31089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86" name="OTLSHAPE_SL2A_2d3dbf8e77804337bf539e7880b9de71_BackgroundRectangle">
            <a:extLst>
              <a:ext uri="{FF2B5EF4-FFF2-40B4-BE49-F238E27FC236}">
                <a16:creationId xmlns:a16="http://schemas.microsoft.com/office/drawing/2014/main" id="{EB125662-8DBD-8052-5ACD-3C9809B37F9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461124" y="48996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23" name="OTLSHAPE_SL2A_1071fbc8745f4f7b8237d4e275b0c47f_BackgroundRectangle">
            <a:extLst>
              <a:ext uri="{FF2B5EF4-FFF2-40B4-BE49-F238E27FC236}">
                <a16:creationId xmlns:a16="http://schemas.microsoft.com/office/drawing/2014/main" id="{96DA5CA5-8976-CDA1-03E6-63E68309DDA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461124" y="33883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dk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34" name="OTLSHAPE_SL2A_24269e02d148408fab00dbffb1e787b1_BackgroundRectangle">
            <a:extLst>
              <a:ext uri="{FF2B5EF4-FFF2-40B4-BE49-F238E27FC236}">
                <a16:creationId xmlns:a16="http://schemas.microsoft.com/office/drawing/2014/main" id="{C5C3477B-FFCD-5264-6F10-211F546FF89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461124" y="36677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45" name="OTLSHAPE_SL2A_7dabb493f38749be93877423d26fb7ad_BackgroundRectangle">
            <a:extLst>
              <a:ext uri="{FF2B5EF4-FFF2-40B4-BE49-F238E27FC236}">
                <a16:creationId xmlns:a16="http://schemas.microsoft.com/office/drawing/2014/main" id="{F6F92342-F728-99D3-2813-1486A702A79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461124" y="2365079"/>
            <a:ext cx="9804400" cy="743881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dk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12" name="OTLSHAPE_SL2A_03300ffd65a14a74982925d1b30c7990_BackgroundRectangle">
            <a:extLst>
              <a:ext uri="{FF2B5EF4-FFF2-40B4-BE49-F238E27FC236}">
                <a16:creationId xmlns:a16="http://schemas.microsoft.com/office/drawing/2014/main" id="{6F5EA12C-D8E0-83DA-B583-2BE507BDD6CF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461124" y="2085679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23" name="OTLSHAPE_SL2A_cefaa9dcc26b464c84cc3eed1042855d_BackgroundRectangle">
            <a:extLst>
              <a:ext uri="{FF2B5EF4-FFF2-40B4-BE49-F238E27FC236}">
                <a16:creationId xmlns:a16="http://schemas.microsoft.com/office/drawing/2014/main" id="{50D8C880-F1EA-95F0-1A7E-3EF766624F9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461124" y="43027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34" name="OTLSHAPE_SL2A_0ea8cfeb1b0b4808978d8e882a1c0353_BackgroundRectangle">
            <a:extLst>
              <a:ext uri="{FF2B5EF4-FFF2-40B4-BE49-F238E27FC236}">
                <a16:creationId xmlns:a16="http://schemas.microsoft.com/office/drawing/2014/main" id="{43AD6911-E547-7A14-70C5-9B9E92DC08F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461124" y="45821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dk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40" name="OTLSHAPE_SL2A_9722d81168484171930be3d11490ba2e_BackgroundRectangle">
            <a:extLst>
              <a:ext uri="{FF2B5EF4-FFF2-40B4-BE49-F238E27FC236}">
                <a16:creationId xmlns:a16="http://schemas.microsoft.com/office/drawing/2014/main" id="{DF9C7D2B-A10A-45B6-5AF6-9922D81D3D5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461124" y="51790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dk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51" name="OTLSHAPE_SL2A_dd5b9c7cdd8d438e8f4d59c9147f5665_BackgroundRectangle">
            <a:extLst>
              <a:ext uri="{FF2B5EF4-FFF2-40B4-BE49-F238E27FC236}">
                <a16:creationId xmlns:a16="http://schemas.microsoft.com/office/drawing/2014/main" id="{317E725C-4AC9-1187-265A-25527C7CF92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461124" y="54965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54" name="OTLSHAPE_SL2A_acbbb541b7d7437f8081bcd9f377e2f1_BackgroundRectangle">
            <a:extLst>
              <a:ext uri="{FF2B5EF4-FFF2-40B4-BE49-F238E27FC236}">
                <a16:creationId xmlns:a16="http://schemas.microsoft.com/office/drawing/2014/main" id="{104F1027-14CC-C209-6B8E-D1D0873DD9E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461124" y="58140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dk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93" name="OTLSHAPE_SL2A_dfc6cb66c4c84f6ca90c55495cf31b1f_BackgroundRectangle">
            <a:extLst>
              <a:ext uri="{FF2B5EF4-FFF2-40B4-BE49-F238E27FC236}">
                <a16:creationId xmlns:a16="http://schemas.microsoft.com/office/drawing/2014/main" id="{3DC5ED14-B971-851B-250F-0A7DB893092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461124" y="39852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dk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41" name="OTLSHAPE_SL2A_eb0a54d3fbcf420d8c24668187814989_BackgroundRectangle">
            <a:extLst>
              <a:ext uri="{FF2B5EF4-FFF2-40B4-BE49-F238E27FC236}">
                <a16:creationId xmlns:a16="http://schemas.microsoft.com/office/drawing/2014/main" id="{D209035B-0CB0-826C-9381-7BE8B418F0E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461124" y="61315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52" name="OTLSHAPE_SL2A_a8699d176f304de0a85b91bfcaee1362_BackgroundRectangle">
            <a:extLst>
              <a:ext uri="{FF2B5EF4-FFF2-40B4-BE49-F238E27FC236}">
                <a16:creationId xmlns:a16="http://schemas.microsoft.com/office/drawing/2014/main" id="{D3F34ABD-567D-1535-F02D-5E7B26761AD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461124" y="6449060"/>
            <a:ext cx="9804400" cy="279400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409" name="OTLSHAPE_TB_00000000000000000000000000000000_RightEndCaps">
            <a:extLst>
              <a:ext uri="{FF2B5EF4-FFF2-40B4-BE49-F238E27FC236}">
                <a16:creationId xmlns:a16="http://schemas.microsoft.com/office/drawing/2014/main" id="{2F7EF594-BA74-46AA-345B-1F341713F11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1387582" y="617707"/>
            <a:ext cx="558800" cy="2459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0" dirty="0">
                <a:solidFill>
                  <a:schemeClr val="accent1"/>
                </a:solidFill>
                <a:latin typeface="Inter Black" panose="02000503000000020004" pitchFamily="2" charset="0"/>
              </a:rPr>
              <a:t>2024</a:t>
            </a:r>
          </a:p>
        </p:txBody>
      </p:sp>
      <p:cxnSp>
        <p:nvCxnSpPr>
          <p:cNvPr id="195" name="OTLSHAPE_SL2AL_00000000000000000000000000000000_ShapeBelow0">
            <a:extLst>
              <a:ext uri="{FF2B5EF4-FFF2-40B4-BE49-F238E27FC236}">
                <a16:creationId xmlns:a16="http://schemas.microsoft.com/office/drawing/2014/main" id="{1F73657D-BD7E-48AE-2719-64EB1507E42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461124" y="1526879"/>
            <a:ext cx="9799458" cy="0"/>
          </a:xfrm>
          <a:prstGeom prst="line">
            <a:avLst/>
          </a:prstGeom>
          <a:ln w="1270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SL2AL_00000000000000000000000000000000_ShapeBelow1">
            <a:extLst>
              <a:ext uri="{FF2B5EF4-FFF2-40B4-BE49-F238E27FC236}">
                <a16:creationId xmlns:a16="http://schemas.microsoft.com/office/drawing/2014/main" id="{095FEA94-5C9D-3ABF-D630-4D50F3C6C0D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461124" y="1806279"/>
            <a:ext cx="9799458" cy="0"/>
          </a:xfrm>
          <a:prstGeom prst="line">
            <a:avLst/>
          </a:prstGeom>
          <a:ln w="1270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SL2AL_00000000000000000000000000000000_ShapeBelow2">
            <a:extLst>
              <a:ext uri="{FF2B5EF4-FFF2-40B4-BE49-F238E27FC236}">
                <a16:creationId xmlns:a16="http://schemas.microsoft.com/office/drawing/2014/main" id="{30083080-1B7E-BFB2-CD24-D9CD420264F9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461124" y="2085679"/>
            <a:ext cx="9799458" cy="0"/>
          </a:xfrm>
          <a:prstGeom prst="line">
            <a:avLst/>
          </a:prstGeom>
          <a:ln w="1270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" name="OTLSHAPE_SL2AL_00000000000000000000000000000000_ShapeBelow3">
            <a:extLst>
              <a:ext uri="{FF2B5EF4-FFF2-40B4-BE49-F238E27FC236}">
                <a16:creationId xmlns:a16="http://schemas.microsoft.com/office/drawing/2014/main" id="{92CB2646-3BC2-F7F5-E61E-F7883DC88F04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461124" y="2365079"/>
            <a:ext cx="9799458" cy="0"/>
          </a:xfrm>
          <a:prstGeom prst="line">
            <a:avLst/>
          </a:prstGeom>
          <a:ln w="1270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" name="OTLSHAPE_SL2AL_00000000000000000000000000000000_ShapeBelow4">
            <a:extLst>
              <a:ext uri="{FF2B5EF4-FFF2-40B4-BE49-F238E27FC236}">
                <a16:creationId xmlns:a16="http://schemas.microsoft.com/office/drawing/2014/main" id="{C30306E4-891C-4733-54AB-7F04E73B03D6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461124" y="3108960"/>
            <a:ext cx="9799458" cy="0"/>
          </a:xfrm>
          <a:prstGeom prst="line">
            <a:avLst/>
          </a:prstGeom>
          <a:ln w="1270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" name="OTLSHAPE_SL2AL_00000000000000000000000000000000_ShapeBelow5">
            <a:extLst>
              <a:ext uri="{FF2B5EF4-FFF2-40B4-BE49-F238E27FC236}">
                <a16:creationId xmlns:a16="http://schemas.microsoft.com/office/drawing/2014/main" id="{BAB9490C-B25A-A7FF-9B3A-FE039CCB466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461124" y="3388360"/>
            <a:ext cx="9799458" cy="0"/>
          </a:xfrm>
          <a:prstGeom prst="line">
            <a:avLst/>
          </a:prstGeom>
          <a:ln w="1270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8" name="OTLSHAPE_SL2AL_00000000000000000000000000000000_ShapeBelow6">
            <a:extLst>
              <a:ext uri="{FF2B5EF4-FFF2-40B4-BE49-F238E27FC236}">
                <a16:creationId xmlns:a16="http://schemas.microsoft.com/office/drawing/2014/main" id="{7317E208-95EE-8449-9AFB-EC92747C83E3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461124" y="3667760"/>
            <a:ext cx="9799458" cy="0"/>
          </a:xfrm>
          <a:prstGeom prst="line">
            <a:avLst/>
          </a:prstGeom>
          <a:ln w="1270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9" name="OTLSHAPE_SL2AL_00000000000000000000000000000000_ShapeBelow7">
            <a:extLst>
              <a:ext uri="{FF2B5EF4-FFF2-40B4-BE49-F238E27FC236}">
                <a16:creationId xmlns:a16="http://schemas.microsoft.com/office/drawing/2014/main" id="{9CD5C1EF-7B49-A1A5-6DCD-537CE7943A74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461124" y="4582160"/>
            <a:ext cx="9799458" cy="0"/>
          </a:xfrm>
          <a:prstGeom prst="line">
            <a:avLst/>
          </a:prstGeom>
          <a:ln w="1270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0" name="OTLSHAPE_SL2AL_00000000000000000000000000000000_ShapeBelow8">
            <a:extLst>
              <a:ext uri="{FF2B5EF4-FFF2-40B4-BE49-F238E27FC236}">
                <a16:creationId xmlns:a16="http://schemas.microsoft.com/office/drawing/2014/main" id="{B14336C9-9199-3868-3CC1-A38BD63872C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461124" y="5179060"/>
            <a:ext cx="9799458" cy="0"/>
          </a:xfrm>
          <a:prstGeom prst="line">
            <a:avLst/>
          </a:prstGeom>
          <a:ln w="1270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OTLSHAPE_TB_00000000000000000000000000000000_ScaleContainer">
            <a:extLst>
              <a:ext uri="{FF2B5EF4-FFF2-40B4-BE49-F238E27FC236}">
                <a16:creationId xmlns:a16="http://schemas.microsoft.com/office/drawing/2014/main" id="{BC6B0260-8601-D884-6E17-0B526F2D118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099821" y="548640"/>
            <a:ext cx="8166100" cy="182880"/>
          </a:xfrm>
          <a:prstGeom prst="round2Same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_d89b5dc7b1744866b002ef1eab8bed80_HeaderRectangle">
            <a:extLst>
              <a:ext uri="{FF2B5EF4-FFF2-40B4-BE49-F238E27FC236}">
                <a16:creationId xmlns:a16="http://schemas.microsoft.com/office/drawing/2014/main" id="{64765E17-A374-6F38-E3FF-9EE71108EFA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00" y="1135888"/>
            <a:ext cx="1409700" cy="2811272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65" name="OTLSHAPE_SL_77bd160b226440f3b89854d51a384de6_HeaderRectangle">
            <a:extLst>
              <a:ext uri="{FF2B5EF4-FFF2-40B4-BE49-F238E27FC236}">
                <a16:creationId xmlns:a16="http://schemas.microsoft.com/office/drawing/2014/main" id="{E4F072A6-E322-9812-F54F-9A9F8994918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500" y="3985260"/>
            <a:ext cx="1409700" cy="279400"/>
          </a:xfrm>
          <a:prstGeom prst="rect">
            <a:avLst/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68" name="OTLSHAPE_SL_bc5311b0e0d044929673355198d6cb36_HeaderRectangle">
            <a:extLst>
              <a:ext uri="{FF2B5EF4-FFF2-40B4-BE49-F238E27FC236}">
                <a16:creationId xmlns:a16="http://schemas.microsoft.com/office/drawing/2014/main" id="{3868338F-3E00-1F6A-F622-E096E64E724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500" y="4302760"/>
            <a:ext cx="1409700" cy="558800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71" name="OTLSHAPE_SL_90404648fb96475e986ac89a5ff85d27_HeaderRectangle">
            <a:extLst>
              <a:ext uri="{FF2B5EF4-FFF2-40B4-BE49-F238E27FC236}">
                <a16:creationId xmlns:a16="http://schemas.microsoft.com/office/drawing/2014/main" id="{0BB7E912-5C23-6630-9555-B5A3A15ED6C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500" y="4899660"/>
            <a:ext cx="1409700" cy="558800"/>
          </a:xfrm>
          <a:prstGeom prst="rect">
            <a:avLst/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74" name="OTLSHAPE_SL_384c6621f36749b685d776847dd9b61d_HeaderRectangle">
            <a:extLst>
              <a:ext uri="{FF2B5EF4-FFF2-40B4-BE49-F238E27FC236}">
                <a16:creationId xmlns:a16="http://schemas.microsoft.com/office/drawing/2014/main" id="{44AD8757-B41E-E5C0-7E7D-DFEFB70F894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3500" y="5496560"/>
            <a:ext cx="1409700" cy="279400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91" name="OTLSHAPE_SL2A_a0a780bef9ff447584d6faf177ec4f29_HeaderRectangle">
            <a:extLst>
              <a:ext uri="{FF2B5EF4-FFF2-40B4-BE49-F238E27FC236}">
                <a16:creationId xmlns:a16="http://schemas.microsoft.com/office/drawing/2014/main" id="{A7FE2F15-67EA-7E5D-F2C8-9C7C671221C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461124" y="1135888"/>
            <a:ext cx="1524000" cy="390991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51" name="OTLSHAPE_SL2A_1ff09d4f7d6043d58ba3fae5de707a94_HeaderRectangle">
            <a:extLst>
              <a:ext uri="{FF2B5EF4-FFF2-40B4-BE49-F238E27FC236}">
                <a16:creationId xmlns:a16="http://schemas.microsoft.com/office/drawing/2014/main" id="{90AC33BD-5367-4BB7-EFC0-42AF2332EB6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461124" y="1526879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62" name="OTLSHAPE_SL2A_44b6116d6ca9432883b3f2160dc63c34_HeaderRectangle">
            <a:extLst>
              <a:ext uri="{FF2B5EF4-FFF2-40B4-BE49-F238E27FC236}">
                <a16:creationId xmlns:a16="http://schemas.microsoft.com/office/drawing/2014/main" id="{2C8F0FD8-B1BA-7CFF-E92B-0C39A2BB561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461124" y="1806279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73" name="OTLSHAPE_SL2A_97291ba827c94b2a925c025b1f43f14b_HeaderRectangle">
            <a:extLst>
              <a:ext uri="{FF2B5EF4-FFF2-40B4-BE49-F238E27FC236}">
                <a16:creationId xmlns:a16="http://schemas.microsoft.com/office/drawing/2014/main" id="{17EA0E06-8E64-EAF0-13B4-F09A641F4B5B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461124" y="3108960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84" name="OTLSHAPE_SL2A_2d3dbf8e77804337bf539e7880b9de71_HeaderRectangle">
            <a:extLst>
              <a:ext uri="{FF2B5EF4-FFF2-40B4-BE49-F238E27FC236}">
                <a16:creationId xmlns:a16="http://schemas.microsoft.com/office/drawing/2014/main" id="{C1AFD908-5DDD-EDF3-E102-73E042598EA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461124" y="4899660"/>
            <a:ext cx="15240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06" name="OTLSHAPE_SL_fca6dde62052495fac13ff15f71d6df2_HeaderRectangle">
            <a:extLst>
              <a:ext uri="{FF2B5EF4-FFF2-40B4-BE49-F238E27FC236}">
                <a16:creationId xmlns:a16="http://schemas.microsoft.com/office/drawing/2014/main" id="{23E2F52E-8574-40A4-3BA4-A78E6F70BF3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3500" y="5814060"/>
            <a:ext cx="1409700" cy="279400"/>
          </a:xfrm>
          <a:prstGeom prst="rect">
            <a:avLst/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21" name="OTLSHAPE_SL2A_1071fbc8745f4f7b8237d4e275b0c47f_HeaderRectangle">
            <a:extLst>
              <a:ext uri="{FF2B5EF4-FFF2-40B4-BE49-F238E27FC236}">
                <a16:creationId xmlns:a16="http://schemas.microsoft.com/office/drawing/2014/main" id="{A3E977D6-5B93-F05E-09FF-E407DC25D6A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461124" y="3388360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32" name="OTLSHAPE_SL2A_24269e02d148408fab00dbffb1e787b1_HeaderRectangle">
            <a:extLst>
              <a:ext uri="{FF2B5EF4-FFF2-40B4-BE49-F238E27FC236}">
                <a16:creationId xmlns:a16="http://schemas.microsoft.com/office/drawing/2014/main" id="{16C4E6D4-73DF-C1CA-D629-24C6BADEF52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461124" y="3667760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43" name="OTLSHAPE_SL2A_7dabb493f38749be93877423d26fb7ad_HeaderRectangle">
            <a:extLst>
              <a:ext uri="{FF2B5EF4-FFF2-40B4-BE49-F238E27FC236}">
                <a16:creationId xmlns:a16="http://schemas.microsoft.com/office/drawing/2014/main" id="{CE2B8C06-2C28-9468-AF84-DFA1F1C9BD4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461124" y="2365079"/>
            <a:ext cx="1524000" cy="743881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10" name="OTLSHAPE_SL2A_03300ffd65a14a74982925d1b30c7990_HeaderRectangle">
            <a:extLst>
              <a:ext uri="{FF2B5EF4-FFF2-40B4-BE49-F238E27FC236}">
                <a16:creationId xmlns:a16="http://schemas.microsoft.com/office/drawing/2014/main" id="{D84C2694-0DF9-4CD6-B02D-E241B4AA210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461124" y="2085679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21" name="OTLSHAPE_SL2A_cefaa9dcc26b464c84cc3eed1042855d_HeaderRectangle">
            <a:extLst>
              <a:ext uri="{FF2B5EF4-FFF2-40B4-BE49-F238E27FC236}">
                <a16:creationId xmlns:a16="http://schemas.microsoft.com/office/drawing/2014/main" id="{99ACDDBA-6AAD-1E07-E785-EA44E17730D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461124" y="4302760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32" name="OTLSHAPE_SL2A_0ea8cfeb1b0b4808978d8e882a1c0353_HeaderRectangle">
            <a:extLst>
              <a:ext uri="{FF2B5EF4-FFF2-40B4-BE49-F238E27FC236}">
                <a16:creationId xmlns:a16="http://schemas.microsoft.com/office/drawing/2014/main" id="{C49536DD-8051-75DC-7D39-71145A52F1F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461124" y="4582160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38" name="OTLSHAPE_SL2A_9722d81168484171930be3d11490ba2e_HeaderRectangle">
            <a:extLst>
              <a:ext uri="{FF2B5EF4-FFF2-40B4-BE49-F238E27FC236}">
                <a16:creationId xmlns:a16="http://schemas.microsoft.com/office/drawing/2014/main" id="{A28FBF7B-9503-142D-D8D9-5FEDF840F97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461124" y="5179060"/>
            <a:ext cx="15240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49" name="OTLSHAPE_SL2A_dd5b9c7cdd8d438e8f4d59c9147f5665_HeaderRectangle">
            <a:extLst>
              <a:ext uri="{FF2B5EF4-FFF2-40B4-BE49-F238E27FC236}">
                <a16:creationId xmlns:a16="http://schemas.microsoft.com/office/drawing/2014/main" id="{5B754E27-640B-2124-8255-428A263E753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461124" y="5496560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52" name="OTLSHAPE_SL2A_acbbb541b7d7437f8081bcd9f377e2f1_HeaderRectangle">
            <a:extLst>
              <a:ext uri="{FF2B5EF4-FFF2-40B4-BE49-F238E27FC236}">
                <a16:creationId xmlns:a16="http://schemas.microsoft.com/office/drawing/2014/main" id="{4DA3C384-3FB5-5F89-B85B-C608657290C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461124" y="5814060"/>
            <a:ext cx="15240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91" name="OTLSHAPE_SL2A_dfc6cb66c4c84f6ca90c55495cf31b1f_HeaderRectangle">
            <a:extLst>
              <a:ext uri="{FF2B5EF4-FFF2-40B4-BE49-F238E27FC236}">
                <a16:creationId xmlns:a16="http://schemas.microsoft.com/office/drawing/2014/main" id="{3892D97E-8BCC-2051-B8E7-3F2C8BED247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461124" y="3985260"/>
            <a:ext cx="15240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34" name="OTLSHAPE_SL_6d543004bd1348be8383948569ead2ff_HeaderRectangle">
            <a:extLst>
              <a:ext uri="{FF2B5EF4-FFF2-40B4-BE49-F238E27FC236}">
                <a16:creationId xmlns:a16="http://schemas.microsoft.com/office/drawing/2014/main" id="{29D271E3-FDC7-2557-4243-3CD08F5FEF2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3500" y="6131560"/>
            <a:ext cx="14097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37" name="OTLSHAPE_SL_fe53973083004428b803b7fa8283aedc_HeaderRectangle">
            <a:extLst>
              <a:ext uri="{FF2B5EF4-FFF2-40B4-BE49-F238E27FC236}">
                <a16:creationId xmlns:a16="http://schemas.microsoft.com/office/drawing/2014/main" id="{DEF6287D-439C-C607-069A-F55265C56960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3500" y="6449060"/>
            <a:ext cx="14097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39" name="OTLSHAPE_SL2A_eb0a54d3fbcf420d8c24668187814989_HeaderRectangle">
            <a:extLst>
              <a:ext uri="{FF2B5EF4-FFF2-40B4-BE49-F238E27FC236}">
                <a16:creationId xmlns:a16="http://schemas.microsoft.com/office/drawing/2014/main" id="{2C7F9DF3-BC18-CC77-324B-559C7711F03F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461124" y="6131560"/>
            <a:ext cx="15240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50" name="OTLSHAPE_SL2A_a8699d176f304de0a85b91bfcaee1362_HeaderRectangle">
            <a:extLst>
              <a:ext uri="{FF2B5EF4-FFF2-40B4-BE49-F238E27FC236}">
                <a16:creationId xmlns:a16="http://schemas.microsoft.com/office/drawing/2014/main" id="{3579C10C-5D7F-D7B7-9784-1A4C70407571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461124" y="6449060"/>
            <a:ext cx="1524000" cy="27940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0339ACF9-4F14-109D-0B76-290A0F54B0A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099821" y="740664"/>
            <a:ext cx="81661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T_fc077578135145aba7ae1f38ac2657dc_Shape">
            <a:extLst>
              <a:ext uri="{FF2B5EF4-FFF2-40B4-BE49-F238E27FC236}">
                <a16:creationId xmlns:a16="http://schemas.microsoft.com/office/drawing/2014/main" id="{3190833A-7680-9D40-706C-4C97D5581FF6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597103" y="1179661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25" name="OTLSHAPE_SLT_b9066e8bccc44b4b937d570f138bd4af_Shape">
            <a:extLst>
              <a:ext uri="{FF2B5EF4-FFF2-40B4-BE49-F238E27FC236}">
                <a16:creationId xmlns:a16="http://schemas.microsoft.com/office/drawing/2014/main" id="{B7BA6805-78D0-C1B0-DC43-CB4436438C2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909264" y="1356106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33" name="OTLSHAPE_SLT_9931834368174d1db025b0c0ea753b3b_Shape">
            <a:extLst>
              <a:ext uri="{FF2B5EF4-FFF2-40B4-BE49-F238E27FC236}">
                <a16:creationId xmlns:a16="http://schemas.microsoft.com/office/drawing/2014/main" id="{CEF27D67-5157-47FD-867C-EB6B62812BE3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972783" y="4029033"/>
            <a:ext cx="1016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41" name="OTLSHAPE_SLT_b9a8d52633e342feb8d3a0f9dfe7e3c5_Shape">
            <a:extLst>
              <a:ext uri="{FF2B5EF4-FFF2-40B4-BE49-F238E27FC236}">
                <a16:creationId xmlns:a16="http://schemas.microsoft.com/office/drawing/2014/main" id="{3F75FF1B-3F9B-76E5-968B-EEB37F02B766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507915" y="554033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54" name="OTLSHAPE_SLT_f468f1cf92ce4c60a0cfd266e865acf5_Shape">
            <a:extLst>
              <a:ext uri="{FF2B5EF4-FFF2-40B4-BE49-F238E27FC236}">
                <a16:creationId xmlns:a16="http://schemas.microsoft.com/office/drawing/2014/main" id="{0D14AD21-B77C-079C-62F1-27DEC257984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415354" y="1570651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65" name="OTLSHAPE_SLT_115a138256274f59977a9a4bb3b4d7af_Shape">
            <a:extLst>
              <a:ext uri="{FF2B5EF4-FFF2-40B4-BE49-F238E27FC236}">
                <a16:creationId xmlns:a16="http://schemas.microsoft.com/office/drawing/2014/main" id="{688183E2-B4FF-6207-FE07-AF261891145F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711962" y="1850051"/>
            <a:ext cx="1016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76" name="OTLSHAPE_SLT_faa74dda55044c699586719ad847e5c7_Shape">
            <a:extLst>
              <a:ext uri="{FF2B5EF4-FFF2-40B4-BE49-F238E27FC236}">
                <a16:creationId xmlns:a16="http://schemas.microsoft.com/office/drawing/2014/main" id="{5700A8DD-35CC-5AED-EB26-92D6BE0F9AD5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5530212" y="3152733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87" name="OTLSHAPE_SLT_b07f0e76beaf41238775349909a076c2_Shape">
            <a:extLst>
              <a:ext uri="{FF2B5EF4-FFF2-40B4-BE49-F238E27FC236}">
                <a16:creationId xmlns:a16="http://schemas.microsoft.com/office/drawing/2014/main" id="{4E84B11D-8FD7-FB19-EE30-ABC56B9E3583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950486" y="4943433"/>
            <a:ext cx="1016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24" name="OTLSHAPE_SLT_6acaa57235b74f1db3b9d27679ac9ff0_Shape">
            <a:extLst>
              <a:ext uri="{FF2B5EF4-FFF2-40B4-BE49-F238E27FC236}">
                <a16:creationId xmlns:a16="http://schemas.microsoft.com/office/drawing/2014/main" id="{775FEFD2-4D18-C6CF-6633-9BC0B124790F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648427" y="3432133"/>
            <a:ext cx="1016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35" name="OTLSHAPE_SLT_25abc8acdb1a465687a214e8287308ef_Shape">
            <a:extLst>
              <a:ext uri="{FF2B5EF4-FFF2-40B4-BE49-F238E27FC236}">
                <a16:creationId xmlns:a16="http://schemas.microsoft.com/office/drawing/2014/main" id="{66CA6E6B-D4C0-483A-7E4B-8BF937341C95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941631" y="3711533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46" name="OTLSHAPE_SLT_8780ee70c1d44d5fb49d123915354188_Shape">
            <a:extLst>
              <a:ext uri="{FF2B5EF4-FFF2-40B4-BE49-F238E27FC236}">
                <a16:creationId xmlns:a16="http://schemas.microsoft.com/office/drawing/2014/main" id="{43D9542C-52B3-0E39-1105-54807D6C21BD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393010" y="2408851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54" name="OTLSHAPE_SLT_1af32ad58acb42a489a91b7c7ed731ee_Shape">
            <a:extLst>
              <a:ext uri="{FF2B5EF4-FFF2-40B4-BE49-F238E27FC236}">
                <a16:creationId xmlns:a16="http://schemas.microsoft.com/office/drawing/2014/main" id="{3C40ABF2-4EE7-AFA1-8BF3-45CA8753D4DB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5686246" y="2938187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62" name="OTLSHAPE_SLT_3f139399d14149c59199039c890ce56c_Shape">
            <a:extLst>
              <a:ext uri="{FF2B5EF4-FFF2-40B4-BE49-F238E27FC236}">
                <a16:creationId xmlns:a16="http://schemas.microsoft.com/office/drawing/2014/main" id="{77DF359D-4FD2-C08C-A7A3-6222B87E2019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0658512" y="2408851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70" name="OTLSHAPE_SLT_4172efca9a2141faa61585b6f95180cd_Shape">
            <a:extLst>
              <a:ext uri="{FF2B5EF4-FFF2-40B4-BE49-F238E27FC236}">
                <a16:creationId xmlns:a16="http://schemas.microsoft.com/office/drawing/2014/main" id="{BB9E4C22-5DB9-294F-5817-BD80907A49E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8161231" y="2585297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78" name="OTLSHAPE_SLT_bbbb5c9499e149ef8ff5ac13b88fde0d_Shape">
            <a:extLst>
              <a:ext uri="{FF2B5EF4-FFF2-40B4-BE49-F238E27FC236}">
                <a16:creationId xmlns:a16="http://schemas.microsoft.com/office/drawing/2014/main" id="{009C21FE-6791-1478-5C5E-BFAB28633F6F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711915" y="2408851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86" name="OTLSHAPE_SLT_3616882e0ae747deb9f590f2670c8b57_Shape">
            <a:extLst>
              <a:ext uri="{FF2B5EF4-FFF2-40B4-BE49-F238E27FC236}">
                <a16:creationId xmlns:a16="http://schemas.microsoft.com/office/drawing/2014/main" id="{AA7EA149-C9BE-E5E6-07BE-378E87B12ED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727468" y="2585297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94" name="OTLSHAPE_SLT_199ae3e2ea7f47269aace1447a1fb9cc_Shape">
            <a:extLst>
              <a:ext uri="{FF2B5EF4-FFF2-40B4-BE49-F238E27FC236}">
                <a16:creationId xmlns:a16="http://schemas.microsoft.com/office/drawing/2014/main" id="{4C0EF84E-0739-C408-5435-285F2192184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161231" y="2761742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02" name="OTLSHAPE_SLT_ae56d911b7b94cc99efbaa4be94e589d_Shape">
            <a:extLst>
              <a:ext uri="{FF2B5EF4-FFF2-40B4-BE49-F238E27FC236}">
                <a16:creationId xmlns:a16="http://schemas.microsoft.com/office/drawing/2014/main" id="{508C807C-FED5-078E-564B-97640192EABF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195708" y="2761742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13" name="OTLSHAPE_SLT_6900ac294c4043ed9fa793679e0bca36_Shape">
            <a:extLst>
              <a:ext uri="{FF2B5EF4-FFF2-40B4-BE49-F238E27FC236}">
                <a16:creationId xmlns:a16="http://schemas.microsoft.com/office/drawing/2014/main" id="{B7BCE949-2781-CD63-5959-7956BFF8155D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221362" y="2129451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24" name="OTLSHAPE_SLT_bb96e3d16b4e4fa69b29a63fa8f2d972_Shape">
            <a:extLst>
              <a:ext uri="{FF2B5EF4-FFF2-40B4-BE49-F238E27FC236}">
                <a16:creationId xmlns:a16="http://schemas.microsoft.com/office/drawing/2014/main" id="{737F0FAF-82AA-939B-E0CE-1994F5E13A53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868041" y="434653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41" name="OTLSHAPE_SLT_34a20169759d452da11bd87efc7588f5_Shape">
            <a:extLst>
              <a:ext uri="{FF2B5EF4-FFF2-40B4-BE49-F238E27FC236}">
                <a16:creationId xmlns:a16="http://schemas.microsoft.com/office/drawing/2014/main" id="{E9A7827A-B800-540E-5A4C-BD3B966D878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8138918" y="522283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355" name="OTLSHAPE_SLT_e6978466f40b458b9c57e3be768e2fc2_Shape">
            <a:extLst>
              <a:ext uri="{FF2B5EF4-FFF2-40B4-BE49-F238E27FC236}">
                <a16:creationId xmlns:a16="http://schemas.microsoft.com/office/drawing/2014/main" id="{662B2377-F00D-FC38-3FF3-8E60E4BEE4C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5351788" y="585783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7" name="OTLSHAPE_SLT_24d1f30a3bec44a08d7fd5b7efa27425_Shape">
            <a:extLst>
              <a:ext uri="{FF2B5EF4-FFF2-40B4-BE49-F238E27FC236}">
                <a16:creationId xmlns:a16="http://schemas.microsoft.com/office/drawing/2014/main" id="{3D0C9273-0871-A8D3-C39D-A9CD2CD9F97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6711962" y="1570651"/>
            <a:ext cx="762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42" name="OTLSHAPE_SLT_0a8b542b16974144bd79508312cb14f7_Shape">
            <a:extLst>
              <a:ext uri="{FF2B5EF4-FFF2-40B4-BE49-F238E27FC236}">
                <a16:creationId xmlns:a16="http://schemas.microsoft.com/office/drawing/2014/main" id="{9CF9A6C8-BC4A-9AFB-F4C6-8A310E331CC7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276104" y="6175333"/>
            <a:ext cx="1651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53" name="OTLSHAPE_SLT_c247b6d7e394417ea4e7886df9c15cc3_Shape">
            <a:extLst>
              <a:ext uri="{FF2B5EF4-FFF2-40B4-BE49-F238E27FC236}">
                <a16:creationId xmlns:a16="http://schemas.microsoft.com/office/drawing/2014/main" id="{8CEFF674-B6AF-7AEE-3B3C-9CE38BD28BBA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8651753" y="6492833"/>
            <a:ext cx="50800" cy="1270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25" name="OTLSHAPE_SLM_ef2f67615e0c48b08b056a8d8b6ea3b4_Shape">
            <a:extLst>
              <a:ext uri="{FF2B5EF4-FFF2-40B4-BE49-F238E27FC236}">
                <a16:creationId xmlns:a16="http://schemas.microsoft.com/office/drawing/2014/main" id="{2B721673-4EF3-30AC-5929-6A56FA2AF99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9187204" y="4620260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63" name="OTLSHAPE_SL_d89b5dc7b1744866b002ef1eab8bed80_Header">
            <a:extLst>
              <a:ext uri="{FF2B5EF4-FFF2-40B4-BE49-F238E27FC236}">
                <a16:creationId xmlns:a16="http://schemas.microsoft.com/office/drawing/2014/main" id="{38C28EB2-CDB0-6207-A10D-9653EC37771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3500" y="2456984"/>
            <a:ext cx="1409700" cy="16907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United States</a:t>
            </a:r>
          </a:p>
        </p:txBody>
      </p:sp>
      <p:sp>
        <p:nvSpPr>
          <p:cNvPr id="66" name="OTLSHAPE_SL_77bd160b226440f3b89854d51a384de6_Header">
            <a:extLst>
              <a:ext uri="{FF2B5EF4-FFF2-40B4-BE49-F238E27FC236}">
                <a16:creationId xmlns:a16="http://schemas.microsoft.com/office/drawing/2014/main" id="{EF730A83-6C75-C5DE-3379-D8C383C4761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3500" y="4040420"/>
            <a:ext cx="1409700" cy="169079"/>
          </a:xfrm>
          <a:prstGeom prst="rect">
            <a:avLst/>
          </a:prstGeom>
          <a:noFill/>
          <a:ln w="19050"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Canada</a:t>
            </a:r>
          </a:p>
        </p:txBody>
      </p:sp>
      <p:sp>
        <p:nvSpPr>
          <p:cNvPr id="69" name="OTLSHAPE_SL_bc5311b0e0d044929673355198d6cb36_Header">
            <a:extLst>
              <a:ext uri="{FF2B5EF4-FFF2-40B4-BE49-F238E27FC236}">
                <a16:creationId xmlns:a16="http://schemas.microsoft.com/office/drawing/2014/main" id="{294376B3-A47B-42CB-DBE3-58AF202D38E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3500" y="4497620"/>
            <a:ext cx="1409700" cy="16907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UK</a:t>
            </a:r>
          </a:p>
        </p:txBody>
      </p:sp>
      <p:sp>
        <p:nvSpPr>
          <p:cNvPr id="72" name="OTLSHAPE_SL_90404648fb96475e986ac89a5ff85d27_Header">
            <a:extLst>
              <a:ext uri="{FF2B5EF4-FFF2-40B4-BE49-F238E27FC236}">
                <a16:creationId xmlns:a16="http://schemas.microsoft.com/office/drawing/2014/main" id="{D56FDFDD-5056-24F2-B0EF-0CC27BDD574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3500" y="5094520"/>
            <a:ext cx="1409700" cy="169079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ustralia</a:t>
            </a:r>
          </a:p>
        </p:txBody>
      </p:sp>
      <p:sp>
        <p:nvSpPr>
          <p:cNvPr id="75" name="OTLSHAPE_SL_384c6621f36749b685d776847dd9b61d_Header">
            <a:extLst>
              <a:ext uri="{FF2B5EF4-FFF2-40B4-BE49-F238E27FC236}">
                <a16:creationId xmlns:a16="http://schemas.microsoft.com/office/drawing/2014/main" id="{2F1615EF-84BE-3FAB-92CF-EAF6BF9885E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3500" y="5551720"/>
            <a:ext cx="1409700" cy="169079"/>
          </a:xfrm>
          <a:prstGeom prst="rect">
            <a:avLst/>
          </a:prstGeom>
          <a:noFill/>
          <a:ln w="19050"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Online</a:t>
            </a:r>
          </a:p>
        </p:txBody>
      </p:sp>
      <p:sp>
        <p:nvSpPr>
          <p:cNvPr id="92" name="OTLSHAPE_SL2A_a0a780bef9ff447584d6faf177ec4f29_Header">
            <a:extLst>
              <a:ext uri="{FF2B5EF4-FFF2-40B4-BE49-F238E27FC236}">
                <a16:creationId xmlns:a16="http://schemas.microsoft.com/office/drawing/2014/main" id="{642B0C64-D403-5FD1-4DCF-5373198A9FB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524624" y="1254527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PMBA</a:t>
            </a:r>
          </a:p>
        </p:txBody>
      </p:sp>
      <p:sp>
        <p:nvSpPr>
          <p:cNvPr id="152" name="OTLSHAPE_SL2A_1ff09d4f7d6043d58ba3fae5de707a94_Header">
            <a:extLst>
              <a:ext uri="{FF2B5EF4-FFF2-40B4-BE49-F238E27FC236}">
                <a16:creationId xmlns:a16="http://schemas.microsoft.com/office/drawing/2014/main" id="{3A47D6D9-979D-6236-5F59-9438C8E11D7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524624" y="1589723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CHG MGMT</a:t>
            </a:r>
          </a:p>
        </p:txBody>
      </p:sp>
      <p:sp>
        <p:nvSpPr>
          <p:cNvPr id="163" name="OTLSHAPE_SL2A_44b6116d6ca9432883b3f2160dc63c34_Header">
            <a:extLst>
              <a:ext uri="{FF2B5EF4-FFF2-40B4-BE49-F238E27FC236}">
                <a16:creationId xmlns:a16="http://schemas.microsoft.com/office/drawing/2014/main" id="{B46DA523-DF40-7195-2ECF-099C5CAED7D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524624" y="1869123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RPS</a:t>
            </a:r>
          </a:p>
        </p:txBody>
      </p:sp>
      <p:sp>
        <p:nvSpPr>
          <p:cNvPr id="174" name="OTLSHAPE_SL2A_97291ba827c94b2a925c025b1f43f14b_Header">
            <a:extLst>
              <a:ext uri="{FF2B5EF4-FFF2-40B4-BE49-F238E27FC236}">
                <a16:creationId xmlns:a16="http://schemas.microsoft.com/office/drawing/2014/main" id="{C3CCA4BB-5081-71C3-3785-4872D97B9FF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524624" y="31718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IPMA</a:t>
            </a:r>
          </a:p>
        </p:txBody>
      </p:sp>
      <p:sp>
        <p:nvSpPr>
          <p:cNvPr id="185" name="OTLSHAPE_SL2A_2d3dbf8e77804337bf539e7880b9de71_Header">
            <a:extLst>
              <a:ext uri="{FF2B5EF4-FFF2-40B4-BE49-F238E27FC236}">
                <a16:creationId xmlns:a16="http://schemas.microsoft.com/office/drawing/2014/main" id="{70E58CDD-7D1E-ABD1-4523-EF14866AA28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524624" y="49625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IPM</a:t>
            </a:r>
          </a:p>
        </p:txBody>
      </p:sp>
      <p:sp>
        <p:nvSpPr>
          <p:cNvPr id="207" name="OTLSHAPE_SL_fca6dde62052495fac13ff15f71d6df2_Header">
            <a:extLst>
              <a:ext uri="{FF2B5EF4-FFF2-40B4-BE49-F238E27FC236}">
                <a16:creationId xmlns:a16="http://schemas.microsoft.com/office/drawing/2014/main" id="{1F9A0A2A-01BC-22F1-EE7C-1FC7C1C9446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3500" y="5869220"/>
            <a:ext cx="1409700" cy="169079"/>
          </a:xfrm>
          <a:prstGeom prst="rect">
            <a:avLst/>
          </a:prstGeom>
          <a:noFill/>
          <a:ln w="19050"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Germany</a:t>
            </a:r>
          </a:p>
        </p:txBody>
      </p:sp>
      <p:sp>
        <p:nvSpPr>
          <p:cNvPr id="222" name="OTLSHAPE_SL2A_1071fbc8745f4f7b8237d4e275b0c47f_Header">
            <a:extLst>
              <a:ext uri="{FF2B5EF4-FFF2-40B4-BE49-F238E27FC236}">
                <a16:creationId xmlns:a16="http://schemas.microsoft.com/office/drawing/2014/main" id="{E1D96ABE-1089-BD94-6BEF-6DABA3D64BA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524624" y="34512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gile 2024</a:t>
            </a:r>
          </a:p>
        </p:txBody>
      </p:sp>
      <p:sp>
        <p:nvSpPr>
          <p:cNvPr id="233" name="OTLSHAPE_SL2A_24269e02d148408fab00dbffb1e787b1_Header">
            <a:extLst>
              <a:ext uri="{FF2B5EF4-FFF2-40B4-BE49-F238E27FC236}">
                <a16:creationId xmlns:a16="http://schemas.microsoft.com/office/drawing/2014/main" id="{30FE9D8B-70F4-E719-8114-7E30071457D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524624" y="37306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PMI Global Summit</a:t>
            </a:r>
          </a:p>
        </p:txBody>
      </p:sp>
      <p:sp>
        <p:nvSpPr>
          <p:cNvPr id="244" name="OTLSHAPE_SL2A_7dabb493f38749be93877423d26fb7ad_Header">
            <a:extLst>
              <a:ext uri="{FF2B5EF4-FFF2-40B4-BE49-F238E27FC236}">
                <a16:creationId xmlns:a16="http://schemas.microsoft.com/office/drawing/2014/main" id="{84877D08-9F47-089D-8D7F-E48736717E7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524624" y="2660163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Digital Summit</a:t>
            </a:r>
          </a:p>
        </p:txBody>
      </p:sp>
      <p:sp>
        <p:nvSpPr>
          <p:cNvPr id="311" name="OTLSHAPE_SL2A_03300ffd65a14a74982925d1b30c7990_Header">
            <a:extLst>
              <a:ext uri="{FF2B5EF4-FFF2-40B4-BE49-F238E27FC236}">
                <a16:creationId xmlns:a16="http://schemas.microsoft.com/office/drawing/2014/main" id="{968FCE05-6D93-38C9-19C2-90DC5490C35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524624" y="2148523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GSG 2024</a:t>
            </a:r>
          </a:p>
        </p:txBody>
      </p:sp>
      <p:sp>
        <p:nvSpPr>
          <p:cNvPr id="322" name="OTLSHAPE_SL2A_cefaa9dcc26b464c84cc3eed1042855d_Header">
            <a:extLst>
              <a:ext uri="{FF2B5EF4-FFF2-40B4-BE49-F238E27FC236}">
                <a16:creationId xmlns:a16="http://schemas.microsoft.com/office/drawing/2014/main" id="{86C88AC9-86FB-EAE8-CD5D-F8E2338C0D2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524624" y="43656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House of PMO</a:t>
            </a:r>
          </a:p>
        </p:txBody>
      </p:sp>
      <p:sp>
        <p:nvSpPr>
          <p:cNvPr id="333" name="OTLSHAPE_SL2A_0ea8cfeb1b0b4808978d8e882a1c0353_Header">
            <a:extLst>
              <a:ext uri="{FF2B5EF4-FFF2-40B4-BE49-F238E27FC236}">
                <a16:creationId xmlns:a16="http://schemas.microsoft.com/office/drawing/2014/main" id="{DED79ADE-A2C8-4462-1BF8-CC716F1D4E1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524624" y="46450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Future PMO</a:t>
            </a:r>
          </a:p>
        </p:txBody>
      </p:sp>
      <p:sp>
        <p:nvSpPr>
          <p:cNvPr id="339" name="OTLSHAPE_SL2A_9722d81168484171930be3d11490ba2e_Header">
            <a:extLst>
              <a:ext uri="{FF2B5EF4-FFF2-40B4-BE49-F238E27FC236}">
                <a16:creationId xmlns:a16="http://schemas.microsoft.com/office/drawing/2014/main" id="{B2B90218-82C4-0040-E394-09C25C088FD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524624" y="52419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PGCS</a:t>
            </a:r>
          </a:p>
        </p:txBody>
      </p:sp>
      <p:sp>
        <p:nvSpPr>
          <p:cNvPr id="350" name="OTLSHAPE_SL2A_dd5b9c7cdd8d438e8f4d59c9147f5665_Header">
            <a:extLst>
              <a:ext uri="{FF2B5EF4-FFF2-40B4-BE49-F238E27FC236}">
                <a16:creationId xmlns:a16="http://schemas.microsoft.com/office/drawing/2014/main" id="{8DF6BFEC-0BA4-B82D-9590-684081C8BCC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524624" y="55594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PMS Symposium</a:t>
            </a:r>
          </a:p>
        </p:txBody>
      </p:sp>
      <p:sp>
        <p:nvSpPr>
          <p:cNvPr id="353" name="OTLSHAPE_SL2A_acbbb541b7d7437f8081bcd9f377e2f1_Header">
            <a:extLst>
              <a:ext uri="{FF2B5EF4-FFF2-40B4-BE49-F238E27FC236}">
                <a16:creationId xmlns:a16="http://schemas.microsoft.com/office/drawing/2014/main" id="{CAEDF3C0-D7FB-C24E-6395-06116B9C780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524624" y="58769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PMI Global Summit</a:t>
            </a:r>
          </a:p>
        </p:txBody>
      </p:sp>
      <p:sp>
        <p:nvSpPr>
          <p:cNvPr id="392" name="OTLSHAPE_SL2A_dfc6cb66c4c84f6ca90c55495cf31b1f_Header">
            <a:extLst>
              <a:ext uri="{FF2B5EF4-FFF2-40B4-BE49-F238E27FC236}">
                <a16:creationId xmlns:a16="http://schemas.microsoft.com/office/drawing/2014/main" id="{54F3ADEE-1D86-821D-9D43-DF597030DDB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524624" y="40481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PMBA</a:t>
            </a:r>
          </a:p>
        </p:txBody>
      </p:sp>
      <p:sp>
        <p:nvSpPr>
          <p:cNvPr id="535" name="OTLSHAPE_SL_6d543004bd1348be8383948569ead2ff_Header">
            <a:extLst>
              <a:ext uri="{FF2B5EF4-FFF2-40B4-BE49-F238E27FC236}">
                <a16:creationId xmlns:a16="http://schemas.microsoft.com/office/drawing/2014/main" id="{DF29E9C5-C4D3-DBFC-E046-F7620E3EDD0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3500" y="6186720"/>
            <a:ext cx="1409700" cy="1690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Inter" panose="02000503000000020004" pitchFamily="2" charset="0"/>
                <a:ea typeface="Inter" panose="02000503000000020004" pitchFamily="2" charset="0"/>
              </a:rPr>
              <a:t>Africa</a:t>
            </a:r>
          </a:p>
        </p:txBody>
      </p:sp>
      <p:sp>
        <p:nvSpPr>
          <p:cNvPr id="538" name="OTLSHAPE_SL_fe53973083004428b803b7fa8283aedc_Header">
            <a:extLst>
              <a:ext uri="{FF2B5EF4-FFF2-40B4-BE49-F238E27FC236}">
                <a16:creationId xmlns:a16="http://schemas.microsoft.com/office/drawing/2014/main" id="{1C38060F-1483-D620-6B9A-56505B20FBC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3500" y="6504220"/>
            <a:ext cx="1409700" cy="1690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chemeClr val="lt1"/>
                </a:solidFill>
                <a:latin typeface="Inter" panose="02000503000000020004" pitchFamily="2" charset="0"/>
                <a:ea typeface="Inter" panose="02000503000000020004" pitchFamily="2" charset="0"/>
              </a:rPr>
              <a:t>South America</a:t>
            </a:r>
          </a:p>
        </p:txBody>
      </p:sp>
      <p:sp>
        <p:nvSpPr>
          <p:cNvPr id="540" name="OTLSHAPE_SL2A_eb0a54d3fbcf420d8c24668187814989_Header">
            <a:extLst>
              <a:ext uri="{FF2B5EF4-FFF2-40B4-BE49-F238E27FC236}">
                <a16:creationId xmlns:a16="http://schemas.microsoft.com/office/drawing/2014/main" id="{F1A7C2ED-033A-CBDF-F2D8-A0F0C814409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524624" y="61944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>
                <a:solidFill>
                  <a:schemeClr val="dk1"/>
                </a:solidFill>
                <a:latin typeface="Inter" panose="02000503000000020004" pitchFamily="2" charset="0"/>
                <a:ea typeface="Inter" panose="02000503000000020004" pitchFamily="2" charset="0"/>
              </a:rPr>
              <a:t>PMI Global Summit</a:t>
            </a:r>
          </a:p>
        </p:txBody>
      </p:sp>
      <p:sp>
        <p:nvSpPr>
          <p:cNvPr id="551" name="OTLSHAPE_SL2A_a8699d176f304de0a85b91bfcaee1362_Header">
            <a:extLst>
              <a:ext uri="{FF2B5EF4-FFF2-40B4-BE49-F238E27FC236}">
                <a16:creationId xmlns:a16="http://schemas.microsoft.com/office/drawing/2014/main" id="{68DC3F9E-830C-6FF9-12BC-1F842A21B96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524624" y="6511904"/>
            <a:ext cx="1397000" cy="153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>
                <a:solidFill>
                  <a:schemeClr val="dk1"/>
                </a:solidFill>
                <a:latin typeface="Inter" panose="02000503000000020004" pitchFamily="2" charset="0"/>
                <a:ea typeface="Inter" panose="02000503000000020004" pitchFamily="2" charset="0"/>
              </a:rPr>
              <a:t>ICPM 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207A26B-5291-D788-EC5B-FBEDBF452DE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163321" y="563224"/>
            <a:ext cx="150939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Q1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3AB8023F-0D58-2656-B990-DF960C3442C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192363" y="563224"/>
            <a:ext cx="170624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Q2</a:t>
            </a: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FD595D34-0254-9DB7-1DB0-4FD4D6832C5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221405" y="563224"/>
            <a:ext cx="177800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Q3</a:t>
            </a:r>
          </a:p>
        </p:txBody>
      </p:sp>
      <p:sp>
        <p:nvSpPr>
          <p:cNvPr id="123" name="OTLSHAPE_SLT_fc077578135145aba7ae1f38ac2657dc_JoinedDate">
            <a:extLst>
              <a:ext uri="{FF2B5EF4-FFF2-40B4-BE49-F238E27FC236}">
                <a16:creationId xmlns:a16="http://schemas.microsoft.com/office/drawing/2014/main" id="{746B3BDD-A132-AC50-7796-8683AE9CFC7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781509" y="1181671"/>
            <a:ext cx="7747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pr 22 - Apr 24</a:t>
            </a:r>
          </a:p>
        </p:txBody>
      </p:sp>
      <p:sp>
        <p:nvSpPr>
          <p:cNvPr id="124" name="OTLSHAPE_SLT_fc077578135145aba7ae1f38ac2657dc_Title">
            <a:extLst>
              <a:ext uri="{FF2B5EF4-FFF2-40B4-BE49-F238E27FC236}">
                <a16:creationId xmlns:a16="http://schemas.microsoft.com/office/drawing/2014/main" id="{66F0AD01-1A9A-EE4B-A4F2-AA2113B3605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714779" y="1173988"/>
            <a:ext cx="4699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Orlando</a:t>
            </a:r>
          </a:p>
        </p:txBody>
      </p:sp>
      <p:sp>
        <p:nvSpPr>
          <p:cNvPr id="131" name="OTLSHAPE_SLT_b9066e8bccc44b4b937d570f138bd4af_JoinedDate">
            <a:extLst>
              <a:ext uri="{FF2B5EF4-FFF2-40B4-BE49-F238E27FC236}">
                <a16:creationId xmlns:a16="http://schemas.microsoft.com/office/drawing/2014/main" id="{7FB2B367-55C6-F0DE-D543-9C6E5BA7225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163562" y="1358117"/>
            <a:ext cx="6985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May 6 - May 8</a:t>
            </a:r>
          </a:p>
        </p:txBody>
      </p:sp>
      <p:sp>
        <p:nvSpPr>
          <p:cNvPr id="132" name="OTLSHAPE_SLT_b9066e8bccc44b4b937d570f138bd4af_Title">
            <a:extLst>
              <a:ext uri="{FF2B5EF4-FFF2-40B4-BE49-F238E27FC236}">
                <a16:creationId xmlns:a16="http://schemas.microsoft.com/office/drawing/2014/main" id="{2A2236CD-DED5-ADE9-EE45-E22930AAE30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026939" y="1350433"/>
            <a:ext cx="6985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Washington</a:t>
            </a:r>
          </a:p>
        </p:txBody>
      </p:sp>
      <p:sp>
        <p:nvSpPr>
          <p:cNvPr id="139" name="OTLSHAPE_SLT_9931834368174d1db025b0c0ea753b3b_JoinedDate">
            <a:extLst>
              <a:ext uri="{FF2B5EF4-FFF2-40B4-BE49-F238E27FC236}">
                <a16:creationId xmlns:a16="http://schemas.microsoft.com/office/drawing/2014/main" id="{063A66CF-C36B-C46F-AE29-A0F9DD3EEFD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132551" y="4031043"/>
            <a:ext cx="7874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Mar 25 - Mar 28</a:t>
            </a:r>
          </a:p>
        </p:txBody>
      </p:sp>
      <p:sp>
        <p:nvSpPr>
          <p:cNvPr id="140" name="OTLSHAPE_SLT_9931834368174d1db025b0c0ea753b3b_Title">
            <a:extLst>
              <a:ext uri="{FF2B5EF4-FFF2-40B4-BE49-F238E27FC236}">
                <a16:creationId xmlns:a16="http://schemas.microsoft.com/office/drawing/2014/main" id="{A1171C9E-BE13-DE04-D31C-450734D1C25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112756" y="4023360"/>
            <a:ext cx="4572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1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Toronto</a:t>
            </a:r>
          </a:p>
        </p:txBody>
      </p:sp>
      <p:sp>
        <p:nvSpPr>
          <p:cNvPr id="147" name="OTLSHAPE_SLT_b9a8d52633e342feb8d3a0f9dfe7e3c5_JoinedDate">
            <a:extLst>
              <a:ext uri="{FF2B5EF4-FFF2-40B4-BE49-F238E27FC236}">
                <a16:creationId xmlns:a16="http://schemas.microsoft.com/office/drawing/2014/main" id="{8AD6A38C-3B82-D887-5C61-36C869F30A1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718017" y="5542343"/>
            <a:ext cx="7493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pr 18 - Apr 19</a:t>
            </a:r>
          </a:p>
        </p:txBody>
      </p:sp>
      <p:sp>
        <p:nvSpPr>
          <p:cNvPr id="148" name="OTLSHAPE_SLT_b9a8d52633e342feb8d3a0f9dfe7e3c5_Title">
            <a:extLst>
              <a:ext uri="{FF2B5EF4-FFF2-40B4-BE49-F238E27FC236}">
                <a16:creationId xmlns:a16="http://schemas.microsoft.com/office/drawing/2014/main" id="{F877FFA2-6016-73CF-B639-5FDEB21C8F0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609515" y="5534660"/>
            <a:ext cx="12319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UMD / Online  / Hybrid</a:t>
            </a:r>
          </a:p>
        </p:txBody>
      </p:sp>
      <p:sp>
        <p:nvSpPr>
          <p:cNvPr id="149" name="OTLSHAPE_TB_00000000000000000000000000000000_TimescaleInterval4">
            <a:extLst>
              <a:ext uri="{FF2B5EF4-FFF2-40B4-BE49-F238E27FC236}">
                <a16:creationId xmlns:a16="http://schemas.microsoft.com/office/drawing/2014/main" id="{C1B75263-2684-1C00-1FE9-EB85A3E7722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272743" y="563224"/>
            <a:ext cx="172355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Q4</a:t>
            </a:r>
          </a:p>
        </p:txBody>
      </p:sp>
      <p:sp>
        <p:nvSpPr>
          <p:cNvPr id="160" name="OTLSHAPE_SLT_f468f1cf92ce4c60a0cfd266e865acf5_JoinedDate">
            <a:extLst>
              <a:ext uri="{FF2B5EF4-FFF2-40B4-BE49-F238E27FC236}">
                <a16:creationId xmlns:a16="http://schemas.microsoft.com/office/drawing/2014/main" id="{B9D5E1E4-3549-C054-C439-AD02332196A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3653481" y="1572662"/>
            <a:ext cx="7112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Feb 29 - Mar 2</a:t>
            </a:r>
          </a:p>
        </p:txBody>
      </p:sp>
      <p:sp>
        <p:nvSpPr>
          <p:cNvPr id="161" name="OTLSHAPE_SLT_f468f1cf92ce4c60a0cfd266e865acf5_Title">
            <a:extLst>
              <a:ext uri="{FF2B5EF4-FFF2-40B4-BE49-F238E27FC236}">
                <a16:creationId xmlns:a16="http://schemas.microsoft.com/office/drawing/2014/main" id="{8F54F711-5368-DD32-B70C-44313266579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4533030" y="1564979"/>
            <a:ext cx="5715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San Diego</a:t>
            </a:r>
          </a:p>
        </p:txBody>
      </p:sp>
      <p:sp>
        <p:nvSpPr>
          <p:cNvPr id="171" name="OTLSHAPE_SLT_115a138256274f59977a9a4bb3b4d7af_JoinedDate">
            <a:extLst>
              <a:ext uri="{FF2B5EF4-FFF2-40B4-BE49-F238E27FC236}">
                <a16:creationId xmlns:a16="http://schemas.microsoft.com/office/drawing/2014/main" id="{1B45944D-B3D4-F81F-ABA4-3A29EE046E0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932774" y="1852062"/>
            <a:ext cx="7239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Jun 11 - Jun 14</a:t>
            </a:r>
          </a:p>
        </p:txBody>
      </p:sp>
      <p:sp>
        <p:nvSpPr>
          <p:cNvPr id="172" name="OTLSHAPE_SLT_115a138256274f59977a9a4bb3b4d7af_Title">
            <a:extLst>
              <a:ext uri="{FF2B5EF4-FFF2-40B4-BE49-F238E27FC236}">
                <a16:creationId xmlns:a16="http://schemas.microsoft.com/office/drawing/2014/main" id="{B7A9C0F1-F01B-104A-1193-7DBF31E5E8B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851934" y="1844379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TBD</a:t>
            </a:r>
          </a:p>
        </p:txBody>
      </p:sp>
      <p:sp>
        <p:nvSpPr>
          <p:cNvPr id="182" name="OTLSHAPE_SLT_faa74dda55044c699586719ad847e5c7_JoinedDate">
            <a:extLst>
              <a:ext uri="{FF2B5EF4-FFF2-40B4-BE49-F238E27FC236}">
                <a16:creationId xmlns:a16="http://schemas.microsoft.com/office/drawing/2014/main" id="{6E288DFD-F52B-4B2B-A9D7-FC3678777A9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4743447" y="3154743"/>
            <a:ext cx="7239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6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pr 19 - Apr 21</a:t>
            </a:r>
          </a:p>
        </p:txBody>
      </p:sp>
      <p:sp>
        <p:nvSpPr>
          <p:cNvPr id="183" name="OTLSHAPE_SLT_faa74dda55044c699586719ad847e5c7_Title">
            <a:extLst>
              <a:ext uri="{FF2B5EF4-FFF2-40B4-BE49-F238E27FC236}">
                <a16:creationId xmlns:a16="http://schemas.microsoft.com/office/drawing/2014/main" id="{099AE26D-D220-B7C8-360B-E7646283250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647888" y="3147060"/>
            <a:ext cx="5334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Maryland</a:t>
            </a:r>
          </a:p>
        </p:txBody>
      </p:sp>
      <p:sp>
        <p:nvSpPr>
          <p:cNvPr id="193" name="OTLSHAPE_SLT_b07f0e76beaf41238775349909a076c2_JoinedDate">
            <a:extLst>
              <a:ext uri="{FF2B5EF4-FFF2-40B4-BE49-F238E27FC236}">
                <a16:creationId xmlns:a16="http://schemas.microsoft.com/office/drawing/2014/main" id="{18E66BD0-0B62-DB22-A0AB-EA9A3529C18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4115164" y="4945443"/>
            <a:ext cx="7874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pt-BR" sz="800" b="1" i="0" u="none" strike="noStrike" kern="1200" cap="none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Mar 24 - Mar 27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194" name="OTLSHAPE_SLT_b07f0e76beaf41238775349909a076c2_Title">
            <a:extLst>
              <a:ext uri="{FF2B5EF4-FFF2-40B4-BE49-F238E27FC236}">
                <a16:creationId xmlns:a16="http://schemas.microsoft.com/office/drawing/2014/main" id="{D971C47E-7965-7E39-85A6-36F4C6C55B3F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090459" y="493776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TBD</a:t>
            </a:r>
          </a:p>
        </p:txBody>
      </p:sp>
      <p:sp>
        <p:nvSpPr>
          <p:cNvPr id="230" name="OTLSHAPE_SLT_6acaa57235b74f1db3b9d27679ac9ff0_JoinedDate">
            <a:extLst>
              <a:ext uri="{FF2B5EF4-FFF2-40B4-BE49-F238E27FC236}">
                <a16:creationId xmlns:a16="http://schemas.microsoft.com/office/drawing/2014/main" id="{A4B33CF5-23A5-1432-EEF0-395550787DE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6899169" y="3434143"/>
            <a:ext cx="6858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6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Jul 22 - Jul 26</a:t>
            </a:r>
          </a:p>
        </p:txBody>
      </p:sp>
      <p:sp>
        <p:nvSpPr>
          <p:cNvPr id="231" name="OTLSHAPE_SLT_6acaa57235b74f1db3b9d27679ac9ff0_Title">
            <a:extLst>
              <a:ext uri="{FF2B5EF4-FFF2-40B4-BE49-F238E27FC236}">
                <a16:creationId xmlns:a16="http://schemas.microsoft.com/office/drawing/2014/main" id="{58B405AD-CD52-649E-60E7-236B395ED28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7788400" y="3426460"/>
            <a:ext cx="3556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Dallas</a:t>
            </a:r>
          </a:p>
        </p:txBody>
      </p:sp>
      <p:sp>
        <p:nvSpPr>
          <p:cNvPr id="241" name="OTLSHAPE_SLT_25abc8acdb1a465687a214e8287308ef_JoinedDate">
            <a:extLst>
              <a:ext uri="{FF2B5EF4-FFF2-40B4-BE49-F238E27FC236}">
                <a16:creationId xmlns:a16="http://schemas.microsoft.com/office/drawing/2014/main" id="{48440AC6-07C1-451D-4980-B0CEBC68C11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135308" y="3713543"/>
            <a:ext cx="7620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Sep 18 - Sep 21</a:t>
            </a:r>
          </a:p>
        </p:txBody>
      </p:sp>
      <p:sp>
        <p:nvSpPr>
          <p:cNvPr id="242" name="OTLSHAPE_SLT_25abc8acdb1a465687a214e8287308ef_Title">
            <a:extLst>
              <a:ext uri="{FF2B5EF4-FFF2-40B4-BE49-F238E27FC236}">
                <a16:creationId xmlns:a16="http://schemas.microsoft.com/office/drawing/2014/main" id="{791C100D-38D6-9B47-BC1A-E60442C58D7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059307" y="3705860"/>
            <a:ext cx="6985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Los Angeles</a:t>
            </a:r>
          </a:p>
        </p:txBody>
      </p:sp>
      <p:sp>
        <p:nvSpPr>
          <p:cNvPr id="252" name="OTLSHAPE_SLT_8780ee70c1d44d5fb49d123915354188_JoinedDate">
            <a:extLst>
              <a:ext uri="{FF2B5EF4-FFF2-40B4-BE49-F238E27FC236}">
                <a16:creationId xmlns:a16="http://schemas.microsoft.com/office/drawing/2014/main" id="{DB926994-535D-13F8-1294-55E071685741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583385" y="2410862"/>
            <a:ext cx="7620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Feb 27 - Feb 28</a:t>
            </a:r>
          </a:p>
        </p:txBody>
      </p:sp>
      <p:sp>
        <p:nvSpPr>
          <p:cNvPr id="253" name="OTLSHAPE_SLT_8780ee70c1d44d5fb49d123915354188_Title">
            <a:extLst>
              <a:ext uri="{FF2B5EF4-FFF2-40B4-BE49-F238E27FC236}">
                <a16:creationId xmlns:a16="http://schemas.microsoft.com/office/drawing/2014/main" id="{746BABDB-AB3F-7692-BC1E-88922586495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4494610" y="2403179"/>
            <a:ext cx="4699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Orlando</a:t>
            </a:r>
          </a:p>
        </p:txBody>
      </p:sp>
      <p:sp>
        <p:nvSpPr>
          <p:cNvPr id="260" name="OTLSHAPE_SLT_1af32ad58acb42a489a91b7c7ed731ee_JoinedDate">
            <a:extLst>
              <a:ext uri="{FF2B5EF4-FFF2-40B4-BE49-F238E27FC236}">
                <a16:creationId xmlns:a16="http://schemas.microsoft.com/office/drawing/2014/main" id="{49D5529A-92E8-EB00-3108-60D3B5CA6FB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4869381" y="2940198"/>
            <a:ext cx="7747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pr 25 - Apr 26</a:t>
            </a:r>
          </a:p>
        </p:txBody>
      </p:sp>
      <p:sp>
        <p:nvSpPr>
          <p:cNvPr id="261" name="OTLSHAPE_SLT_1af32ad58acb42a489a91b7c7ed731ee_Title">
            <a:extLst>
              <a:ext uri="{FF2B5EF4-FFF2-40B4-BE49-F238E27FC236}">
                <a16:creationId xmlns:a16="http://schemas.microsoft.com/office/drawing/2014/main" id="{6F28CAD5-4CA7-3D8A-1560-55EC04CEBB3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5787846" y="2932515"/>
            <a:ext cx="5334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1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New York</a:t>
            </a:r>
          </a:p>
        </p:txBody>
      </p:sp>
      <p:sp>
        <p:nvSpPr>
          <p:cNvPr id="268" name="OTLSHAPE_SLT_3f139399d14149c59199039c890ce56c_JoinedDate">
            <a:extLst>
              <a:ext uri="{FF2B5EF4-FFF2-40B4-BE49-F238E27FC236}">
                <a16:creationId xmlns:a16="http://schemas.microsoft.com/office/drawing/2014/main" id="{A9C14EC2-7C39-2EC6-A1C6-0193C24F16A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42868" y="2410862"/>
            <a:ext cx="6731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Dec 4 - Dec 5</a:t>
            </a:r>
          </a:p>
        </p:txBody>
      </p:sp>
      <p:sp>
        <p:nvSpPr>
          <p:cNvPr id="269" name="OTLSHAPE_SLT_3f139399d14149c59199039c890ce56c_Title">
            <a:extLst>
              <a:ext uri="{FF2B5EF4-FFF2-40B4-BE49-F238E27FC236}">
                <a16:creationId xmlns:a16="http://schemas.microsoft.com/office/drawing/2014/main" id="{37AEB7E4-3282-8805-1F42-D896442FFF6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0760112" y="2403179"/>
            <a:ext cx="3556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Dallas</a:t>
            </a:r>
          </a:p>
        </p:txBody>
      </p:sp>
      <p:sp>
        <p:nvSpPr>
          <p:cNvPr id="276" name="OTLSHAPE_SLT_4172efca9a2141faa61585b6f95180cd_JoinedDate">
            <a:extLst>
              <a:ext uri="{FF2B5EF4-FFF2-40B4-BE49-F238E27FC236}">
                <a16:creationId xmlns:a16="http://schemas.microsoft.com/office/drawing/2014/main" id="{4FB05304-596B-A884-41ED-788710433AD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7327729" y="2587308"/>
            <a:ext cx="7874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ug 14 - Aug 15</a:t>
            </a:r>
          </a:p>
        </p:txBody>
      </p:sp>
      <p:sp>
        <p:nvSpPr>
          <p:cNvPr id="277" name="OTLSHAPE_SLT_4172efca9a2141faa61585b6f95180cd_Title">
            <a:extLst>
              <a:ext uri="{FF2B5EF4-FFF2-40B4-BE49-F238E27FC236}">
                <a16:creationId xmlns:a16="http://schemas.microsoft.com/office/drawing/2014/main" id="{25F4B372-EEFD-60B2-19CE-F04E9FFF44F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262831" y="2579624"/>
            <a:ext cx="6858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Minneapolis</a:t>
            </a:r>
          </a:p>
        </p:txBody>
      </p:sp>
      <p:sp>
        <p:nvSpPr>
          <p:cNvPr id="284" name="OTLSHAPE_SLT_bbbb5c9499e149ef8ff5ac13b88fde0d_JoinedDate">
            <a:extLst>
              <a:ext uri="{FF2B5EF4-FFF2-40B4-BE49-F238E27FC236}">
                <a16:creationId xmlns:a16="http://schemas.microsoft.com/office/drawing/2014/main" id="{66389406-9A32-688B-A647-469D2CB00A30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931669" y="2410862"/>
            <a:ext cx="7239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Jun 10 - Jun 11</a:t>
            </a:r>
          </a:p>
        </p:txBody>
      </p:sp>
      <p:sp>
        <p:nvSpPr>
          <p:cNvPr id="285" name="OTLSHAPE_SLT_bbbb5c9499e149ef8ff5ac13b88fde0d_Title">
            <a:extLst>
              <a:ext uri="{FF2B5EF4-FFF2-40B4-BE49-F238E27FC236}">
                <a16:creationId xmlns:a16="http://schemas.microsoft.com/office/drawing/2014/main" id="{3C2A2445-76A0-9388-C1FF-E6D5BD545E56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6813515" y="2403179"/>
            <a:ext cx="4191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Denver</a:t>
            </a:r>
          </a:p>
        </p:txBody>
      </p:sp>
      <p:sp>
        <p:nvSpPr>
          <p:cNvPr id="292" name="OTLSHAPE_SLT_3616882e0ae747deb9f590f2670c8b57_JoinedDate">
            <a:extLst>
              <a:ext uri="{FF2B5EF4-FFF2-40B4-BE49-F238E27FC236}">
                <a16:creationId xmlns:a16="http://schemas.microsoft.com/office/drawing/2014/main" id="{D6566160-AB27-24DF-3E0D-EB43D3E23D6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3912593" y="2587308"/>
            <a:ext cx="7620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Mar 13 - Mar 14</a:t>
            </a:r>
          </a:p>
        </p:txBody>
      </p:sp>
      <p:sp>
        <p:nvSpPr>
          <p:cNvPr id="293" name="OTLSHAPE_SLT_3616882e0ae747deb9f590f2670c8b57_Title">
            <a:extLst>
              <a:ext uri="{FF2B5EF4-FFF2-40B4-BE49-F238E27FC236}">
                <a16:creationId xmlns:a16="http://schemas.microsoft.com/office/drawing/2014/main" id="{00BD7039-4CD1-2E55-C89C-9B4394044C20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4829068" y="2579624"/>
            <a:ext cx="5842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Las Vegas</a:t>
            </a:r>
          </a:p>
        </p:txBody>
      </p:sp>
      <p:sp>
        <p:nvSpPr>
          <p:cNvPr id="300" name="OTLSHAPE_SLT_199ae3e2ea7f47269aace1447a1fb9cc_JoinedDate">
            <a:extLst>
              <a:ext uri="{FF2B5EF4-FFF2-40B4-BE49-F238E27FC236}">
                <a16:creationId xmlns:a16="http://schemas.microsoft.com/office/drawing/2014/main" id="{0DBE7ADC-A89F-B691-0828-A299B3735AD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7327729" y="2763753"/>
            <a:ext cx="7874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ug 14 - Aug 15</a:t>
            </a:r>
          </a:p>
        </p:txBody>
      </p:sp>
      <p:sp>
        <p:nvSpPr>
          <p:cNvPr id="301" name="OTLSHAPE_SLT_199ae3e2ea7f47269aace1447a1fb9cc_Title">
            <a:extLst>
              <a:ext uri="{FF2B5EF4-FFF2-40B4-BE49-F238E27FC236}">
                <a16:creationId xmlns:a16="http://schemas.microsoft.com/office/drawing/2014/main" id="{643D48F8-D99C-2628-C9E5-8F54E347BB5C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262831" y="2756069"/>
            <a:ext cx="3556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Dallas</a:t>
            </a:r>
          </a:p>
        </p:txBody>
      </p:sp>
      <p:sp>
        <p:nvSpPr>
          <p:cNvPr id="308" name="OTLSHAPE_SLT_ae56d911b7b94cc99efbaa4be94e589d_JoinedDate">
            <a:extLst>
              <a:ext uri="{FF2B5EF4-FFF2-40B4-BE49-F238E27FC236}">
                <a16:creationId xmlns:a16="http://schemas.microsoft.com/office/drawing/2014/main" id="{46D9D5FC-12CD-6F9B-BD17-82CA035FBCB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4503516" y="2763753"/>
            <a:ext cx="6350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pr 3 - Apr 4</a:t>
            </a:r>
          </a:p>
        </p:txBody>
      </p:sp>
      <p:sp>
        <p:nvSpPr>
          <p:cNvPr id="309" name="OTLSHAPE_SLT_ae56d911b7b94cc99efbaa4be94e589d_Title">
            <a:extLst>
              <a:ext uri="{FF2B5EF4-FFF2-40B4-BE49-F238E27FC236}">
                <a16:creationId xmlns:a16="http://schemas.microsoft.com/office/drawing/2014/main" id="{1D6738F8-3D96-E8D8-71D0-A3B43D9D035B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5297308" y="2756069"/>
            <a:ext cx="4699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Chicago</a:t>
            </a:r>
          </a:p>
        </p:txBody>
      </p:sp>
      <p:sp>
        <p:nvSpPr>
          <p:cNvPr id="319" name="OTLSHAPE_SLT_6900ac294c4043ed9fa793679e0bca36_JoinedDate">
            <a:extLst>
              <a:ext uri="{FF2B5EF4-FFF2-40B4-BE49-F238E27FC236}">
                <a16:creationId xmlns:a16="http://schemas.microsoft.com/office/drawing/2014/main" id="{10A2D4E4-4028-59AE-3F6E-7CEE0DCA9833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5365086" y="2131462"/>
            <a:ext cx="8001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May 19 - May 22</a:t>
            </a:r>
          </a:p>
        </p:txBody>
      </p:sp>
      <p:sp>
        <p:nvSpPr>
          <p:cNvPr id="320" name="OTLSHAPE_SLT_6900ac294c4043ed9fa793679e0bca36_Title">
            <a:extLst>
              <a:ext uri="{FF2B5EF4-FFF2-40B4-BE49-F238E27FC236}">
                <a16:creationId xmlns:a16="http://schemas.microsoft.com/office/drawing/2014/main" id="{C2D72248-AE13-24A5-BD2C-F1D9D36D215B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339038" y="2123779"/>
            <a:ext cx="7366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New Orleans</a:t>
            </a:r>
          </a:p>
        </p:txBody>
      </p:sp>
      <p:sp>
        <p:nvSpPr>
          <p:cNvPr id="330" name="OTLSHAPE_SLT_bb96e3d16b4e4fa69b29a63fa8f2d972_JoinedDate">
            <a:extLst>
              <a:ext uri="{FF2B5EF4-FFF2-40B4-BE49-F238E27FC236}">
                <a16:creationId xmlns:a16="http://schemas.microsoft.com/office/drawing/2014/main" id="{71BA987B-0B58-36A9-8438-3C70D29DE366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073233" y="4348543"/>
            <a:ext cx="7366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Jun 18 - Jun 19</a:t>
            </a:r>
          </a:p>
        </p:txBody>
      </p:sp>
      <p:sp>
        <p:nvSpPr>
          <p:cNvPr id="331" name="OTLSHAPE_SLT_bb96e3d16b4e4fa69b29a63fa8f2d972_Title">
            <a:extLst>
              <a:ext uri="{FF2B5EF4-FFF2-40B4-BE49-F238E27FC236}">
                <a16:creationId xmlns:a16="http://schemas.microsoft.com/office/drawing/2014/main" id="{9CCA257D-9EE5-E0CE-3BC9-E5E34E188B6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6969641" y="4340860"/>
            <a:ext cx="4445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London</a:t>
            </a:r>
          </a:p>
        </p:txBody>
      </p:sp>
      <p:sp>
        <p:nvSpPr>
          <p:cNvPr id="336" name="OTLSHAPE_SLM_ef2f67615e0c48b08b056a8d8b6ea3b4_Date">
            <a:extLst>
              <a:ext uri="{FF2B5EF4-FFF2-40B4-BE49-F238E27FC236}">
                <a16:creationId xmlns:a16="http://schemas.microsoft.com/office/drawing/2014/main" id="{C18D85D8-00E6-28CC-865C-B6F5049EDAD4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8867206" y="4647671"/>
            <a:ext cx="2794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Oct 3</a:t>
            </a:r>
          </a:p>
        </p:txBody>
      </p:sp>
      <p:sp>
        <p:nvSpPr>
          <p:cNvPr id="337" name="OTLSHAPE_SLM_ef2f67615e0c48b08b056a8d8b6ea3b4_Title">
            <a:extLst>
              <a:ext uri="{FF2B5EF4-FFF2-40B4-BE49-F238E27FC236}">
                <a16:creationId xmlns:a16="http://schemas.microsoft.com/office/drawing/2014/main" id="{66F6C358-A1C1-E370-8416-FBDAA5A0E857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9415804" y="4639987"/>
            <a:ext cx="4445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London</a:t>
            </a:r>
          </a:p>
        </p:txBody>
      </p:sp>
      <p:sp>
        <p:nvSpPr>
          <p:cNvPr id="347" name="OTLSHAPE_SLT_34a20169759d452da11bd87efc7588f5_JoinedDate">
            <a:extLst>
              <a:ext uri="{FF2B5EF4-FFF2-40B4-BE49-F238E27FC236}">
                <a16:creationId xmlns:a16="http://schemas.microsoft.com/office/drawing/2014/main" id="{6785FFA6-48B4-20C9-5E2D-B8809896FEBD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7307280" y="5224843"/>
            <a:ext cx="7874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ug 13 - Aug 15</a:t>
            </a:r>
          </a:p>
        </p:txBody>
      </p:sp>
      <p:sp>
        <p:nvSpPr>
          <p:cNvPr id="348" name="OTLSHAPE_SLT_34a20169759d452da11bd87efc7588f5_Title">
            <a:extLst>
              <a:ext uri="{FF2B5EF4-FFF2-40B4-BE49-F238E27FC236}">
                <a16:creationId xmlns:a16="http://schemas.microsoft.com/office/drawing/2014/main" id="{11334201-792A-E797-B233-3BA4F333C67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8240518" y="5217160"/>
            <a:ext cx="5334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Canberra</a:t>
            </a:r>
          </a:p>
        </p:txBody>
      </p:sp>
      <p:sp>
        <p:nvSpPr>
          <p:cNvPr id="361" name="OTLSHAPE_SLT_e6978466f40b458b9c57e3be768e2fc2_JoinedDate">
            <a:extLst>
              <a:ext uri="{FF2B5EF4-FFF2-40B4-BE49-F238E27FC236}">
                <a16:creationId xmlns:a16="http://schemas.microsoft.com/office/drawing/2014/main" id="{4B7E5EC9-8B17-4180-99A1-57E3C51AAFA5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4576453" y="5859843"/>
            <a:ext cx="7366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Apr 10 - Apr 11</a:t>
            </a:r>
          </a:p>
        </p:txBody>
      </p:sp>
      <p:sp>
        <p:nvSpPr>
          <p:cNvPr id="362" name="OTLSHAPE_SLT_e6978466f40b458b9c57e3be768e2fc2_Title">
            <a:extLst>
              <a:ext uri="{FF2B5EF4-FFF2-40B4-BE49-F238E27FC236}">
                <a16:creationId xmlns:a16="http://schemas.microsoft.com/office/drawing/2014/main" id="{25913182-1C68-BADE-091B-650FA3C7F34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5453388" y="5852160"/>
            <a:ext cx="3429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Berlin</a:t>
            </a:r>
          </a:p>
        </p:txBody>
      </p:sp>
      <p:sp>
        <p:nvSpPr>
          <p:cNvPr id="23" name="OTLSHAPE_SLT_24d1f30a3bec44a08d7fd5b7efa27425_JoinedDate">
            <a:extLst>
              <a:ext uri="{FF2B5EF4-FFF2-40B4-BE49-F238E27FC236}">
                <a16:creationId xmlns:a16="http://schemas.microsoft.com/office/drawing/2014/main" id="{14265C74-2D50-F734-F9AE-36F04002478D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5934637" y="1572662"/>
            <a:ext cx="7239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Jun 11 - Jun 13</a:t>
            </a:r>
          </a:p>
        </p:txBody>
      </p:sp>
      <p:sp>
        <p:nvSpPr>
          <p:cNvPr id="24" name="OTLSHAPE_SLT_24d1f30a3bec44a08d7fd5b7efa27425_Title">
            <a:extLst>
              <a:ext uri="{FF2B5EF4-FFF2-40B4-BE49-F238E27FC236}">
                <a16:creationId xmlns:a16="http://schemas.microsoft.com/office/drawing/2014/main" id="{94DCCB26-916D-924E-FEF0-16B641034E7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6829637" y="1564979"/>
            <a:ext cx="10795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Inter" panose="02000503000000020004" pitchFamily="2" charset="0"/>
                <a:ea typeface="Inter" panose="02000503000000020004" pitchFamily="2" charset="0"/>
              </a:rPr>
              <a:t>Virtual Conference</a:t>
            </a:r>
          </a:p>
        </p:txBody>
      </p:sp>
      <p:sp>
        <p:nvSpPr>
          <p:cNvPr id="547" name="OTLSHAPE_SLT_0a8b542b16974144bd79508312cb14f7_JoinedDate">
            <a:extLst>
              <a:ext uri="{FF2B5EF4-FFF2-40B4-BE49-F238E27FC236}">
                <a16:creationId xmlns:a16="http://schemas.microsoft.com/office/drawing/2014/main" id="{110C490C-C9C7-75A0-BC22-845BAF3C3313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8539504" y="6177343"/>
            <a:ext cx="6858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 spc="-2">
                <a:solidFill>
                  <a:srgbClr val="B20E12"/>
                </a:solidFill>
                <a:latin typeface="Inter" panose="02000503000000020004" pitchFamily="2" charset="0"/>
                <a:ea typeface="Inter" panose="02000503000000020004" pitchFamily="2" charset="0"/>
              </a:rPr>
              <a:t>Oct 3 - Oct 10</a:t>
            </a:r>
            <a:endParaRPr lang="en-US" sz="800" b="1" spc="-2" dirty="0">
              <a:solidFill>
                <a:srgbClr val="B20E12"/>
              </a:solidFill>
              <a:latin typeface="Inter" panose="02000503000000020004" pitchFamily="2" charset="0"/>
              <a:ea typeface="Inter" panose="02000503000000020004" pitchFamily="2" charset="0"/>
            </a:endParaRPr>
          </a:p>
        </p:txBody>
      </p:sp>
      <p:sp>
        <p:nvSpPr>
          <p:cNvPr id="549" name="OTLSHAPE_SLT_0a8b542b16974144bd79508312cb14f7_Title">
            <a:extLst>
              <a:ext uri="{FF2B5EF4-FFF2-40B4-BE49-F238E27FC236}">
                <a16:creationId xmlns:a16="http://schemas.microsoft.com/office/drawing/2014/main" id="{C32158E7-62B1-077D-66E5-3A63311698F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9482968" y="6169660"/>
            <a:ext cx="8255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2" dirty="0">
                <a:solidFill>
                  <a:schemeClr val="dk1"/>
                </a:solidFill>
                <a:latin typeface="Inter" panose="02000503000000020004" pitchFamily="2" charset="0"/>
                <a:ea typeface="Inter" panose="02000503000000020004" pitchFamily="2" charset="0"/>
              </a:rPr>
              <a:t>TBD (Rwanda)</a:t>
            </a:r>
          </a:p>
        </p:txBody>
      </p:sp>
      <p:sp>
        <p:nvSpPr>
          <p:cNvPr id="558" name="OTLSHAPE_SLT_c247b6d7e394417ea4e7886df9c15cc3_JoinedDate">
            <a:extLst>
              <a:ext uri="{FF2B5EF4-FFF2-40B4-BE49-F238E27FC236}">
                <a16:creationId xmlns:a16="http://schemas.microsoft.com/office/drawing/2014/main" id="{82CC9DFB-783A-0F01-6C36-BF6C82FA548F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7943431" y="6494843"/>
            <a:ext cx="660400" cy="1229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 dirty="0">
                <a:solidFill>
                  <a:srgbClr val="B20E12"/>
                </a:solidFill>
                <a:latin typeface="Inter" panose="02000503000000020004" pitchFamily="2" charset="0"/>
                <a:ea typeface="Inter" panose="02000503000000020004" pitchFamily="2" charset="0"/>
              </a:rPr>
              <a:t>Sep 5 - Sep 6</a:t>
            </a:r>
          </a:p>
        </p:txBody>
      </p:sp>
      <p:sp>
        <p:nvSpPr>
          <p:cNvPr id="560" name="OTLSHAPE_SLT_c247b6d7e394417ea4e7886df9c15cc3_Title">
            <a:extLst>
              <a:ext uri="{FF2B5EF4-FFF2-40B4-BE49-F238E27FC236}">
                <a16:creationId xmlns:a16="http://schemas.microsoft.com/office/drawing/2014/main" id="{47F7C438-BB15-1407-E843-DB32465E7DD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8753353" y="6487160"/>
            <a:ext cx="9906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>
                <a:solidFill>
                  <a:schemeClr val="dk1"/>
                </a:solidFill>
                <a:latin typeface="Inter" panose="02000503000000020004" pitchFamily="2" charset="0"/>
                <a:ea typeface="Inter" panose="02000503000000020004" pitchFamily="2" charset="0"/>
              </a:rPr>
              <a:t>Bogotá, Colombia</a:t>
            </a:r>
          </a:p>
        </p:txBody>
      </p:sp>
      <p:sp>
        <p:nvSpPr>
          <p:cNvPr id="7" name="OTLSHAPE_TB_00000000000000000000000000000000_MiddleTimescaleInterval1">
            <a:extLst>
              <a:ext uri="{FF2B5EF4-FFF2-40B4-BE49-F238E27FC236}">
                <a16:creationId xmlns:a16="http://schemas.microsoft.com/office/drawing/2014/main" id="{B0746EC9-337A-E55E-0C9F-AB4225EBDA07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3163321" y="755248"/>
            <a:ext cx="207942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lt1"/>
                </a:solidFill>
                <a:latin typeface="Inter" panose="02000503000000020004" pitchFamily="2" charset="0"/>
              </a:rPr>
              <a:t>Jan</a:t>
            </a:r>
          </a:p>
        </p:txBody>
      </p:sp>
      <p:sp>
        <p:nvSpPr>
          <p:cNvPr id="13" name="OTLSHAPE_TB_00000000000000000000000000000000_MiddleTimescaleInterval2">
            <a:extLst>
              <a:ext uri="{FF2B5EF4-FFF2-40B4-BE49-F238E27FC236}">
                <a16:creationId xmlns:a16="http://schemas.microsoft.com/office/drawing/2014/main" id="{6A5D5CDE-F5BE-372E-D6B0-9118F747B3A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3854533" y="755248"/>
            <a:ext cx="221599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36">
                <a:solidFill>
                  <a:schemeClr val="lt1"/>
                </a:solidFill>
                <a:latin typeface="Inter" panose="02000503000000020004" pitchFamily="2" charset="0"/>
              </a:rPr>
              <a:t>Feb</a:t>
            </a:r>
          </a:p>
        </p:txBody>
      </p:sp>
      <p:sp>
        <p:nvSpPr>
          <p:cNvPr id="14" name="OTLSHAPE_TB_00000000000000000000000000000000_MiddleTimescaleInterval3">
            <a:extLst>
              <a:ext uri="{FF2B5EF4-FFF2-40B4-BE49-F238E27FC236}">
                <a16:creationId xmlns:a16="http://schemas.microsoft.com/office/drawing/2014/main" id="{63771AD9-879F-4F9F-2541-264BA7A01A8B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4501151" y="755248"/>
            <a:ext cx="234038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lt1"/>
                </a:solidFill>
                <a:latin typeface="Inter" panose="02000503000000020004" pitchFamily="2" charset="0"/>
              </a:rPr>
              <a:t>Mar</a:t>
            </a:r>
          </a:p>
        </p:txBody>
      </p:sp>
      <p:sp>
        <p:nvSpPr>
          <p:cNvPr id="15" name="OTLSHAPE_TB_00000000000000000000000000000000_MiddleTimescaleInterval4">
            <a:extLst>
              <a:ext uri="{FF2B5EF4-FFF2-40B4-BE49-F238E27FC236}">
                <a16:creationId xmlns:a16="http://schemas.microsoft.com/office/drawing/2014/main" id="{ABFCA309-5067-1FE4-2793-0C2F6BE9B281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5192363" y="755248"/>
            <a:ext cx="204736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4">
                <a:solidFill>
                  <a:schemeClr val="lt1"/>
                </a:solidFill>
                <a:latin typeface="Inter" panose="02000503000000020004" pitchFamily="2" charset="0"/>
              </a:rPr>
              <a:t>Apr</a:t>
            </a:r>
          </a:p>
        </p:txBody>
      </p:sp>
      <p:sp>
        <p:nvSpPr>
          <p:cNvPr id="249" name="OTLSHAPE_TB_00000000000000000000000000000000_MiddleTimescaleInterval5">
            <a:extLst>
              <a:ext uri="{FF2B5EF4-FFF2-40B4-BE49-F238E27FC236}">
                <a16:creationId xmlns:a16="http://schemas.microsoft.com/office/drawing/2014/main" id="{4FA92010-F50F-5007-F8E5-E2FD54307A04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5861278" y="755248"/>
            <a:ext cx="248081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8">
                <a:solidFill>
                  <a:schemeClr val="lt1"/>
                </a:solidFill>
                <a:latin typeface="Inter" panose="02000503000000020004" pitchFamily="2" charset="0"/>
              </a:rPr>
              <a:t>May</a:t>
            </a:r>
          </a:p>
        </p:txBody>
      </p:sp>
      <p:sp>
        <p:nvSpPr>
          <p:cNvPr id="251" name="OTLSHAPE_TB_00000000000000000000000000000000_MiddleTimescaleInterval6">
            <a:extLst>
              <a:ext uri="{FF2B5EF4-FFF2-40B4-BE49-F238E27FC236}">
                <a16:creationId xmlns:a16="http://schemas.microsoft.com/office/drawing/2014/main" id="{967B823E-5A91-2E77-09BC-8EBF781C8AF0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552490" y="755248"/>
            <a:ext cx="218008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0">
                <a:solidFill>
                  <a:schemeClr val="lt1"/>
                </a:solidFill>
                <a:latin typeface="Inter" panose="02000503000000020004" pitchFamily="2" charset="0"/>
              </a:rPr>
              <a:t>Jun</a:t>
            </a:r>
          </a:p>
        </p:txBody>
      </p:sp>
      <p:sp>
        <p:nvSpPr>
          <p:cNvPr id="256" name="OTLSHAPE_TB_00000000000000000000000000000000_MiddleTimescaleInterval7">
            <a:extLst>
              <a:ext uri="{FF2B5EF4-FFF2-40B4-BE49-F238E27FC236}">
                <a16:creationId xmlns:a16="http://schemas.microsoft.com/office/drawing/2014/main" id="{4466F93F-25B2-FD3B-22F3-5A27F90F437A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7221405" y="755248"/>
            <a:ext cx="166199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0">
                <a:solidFill>
                  <a:schemeClr val="lt1"/>
                </a:solidFill>
                <a:latin typeface="Inter" panose="02000503000000020004" pitchFamily="2" charset="0"/>
              </a:rPr>
              <a:t>Jul</a:t>
            </a:r>
          </a:p>
        </p:txBody>
      </p:sp>
      <p:sp>
        <p:nvSpPr>
          <p:cNvPr id="258" name="OTLSHAPE_TB_00000000000000000000000000000000_MiddleTimescaleInterval8">
            <a:extLst>
              <a:ext uri="{FF2B5EF4-FFF2-40B4-BE49-F238E27FC236}">
                <a16:creationId xmlns:a16="http://schemas.microsoft.com/office/drawing/2014/main" id="{5B9A61E2-D3FB-145F-2CA9-B8A1375C853C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7912616" y="755248"/>
            <a:ext cx="238848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lt1"/>
                </a:solidFill>
                <a:latin typeface="Inter" panose="02000503000000020004" pitchFamily="2" charset="0"/>
              </a:rPr>
              <a:t>Aug</a:t>
            </a:r>
          </a:p>
        </p:txBody>
      </p:sp>
      <p:sp>
        <p:nvSpPr>
          <p:cNvPr id="263" name="OTLSHAPE_TB_00000000000000000000000000000000_MiddleTimescaleInterval9">
            <a:extLst>
              <a:ext uri="{FF2B5EF4-FFF2-40B4-BE49-F238E27FC236}">
                <a16:creationId xmlns:a16="http://schemas.microsoft.com/office/drawing/2014/main" id="{42F457E2-97C0-161E-D569-EF1AFCE03FD3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8603828" y="755248"/>
            <a:ext cx="226409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4">
                <a:solidFill>
                  <a:schemeClr val="lt1"/>
                </a:solidFill>
                <a:latin typeface="Inter" panose="02000503000000020004" pitchFamily="2" charset="0"/>
              </a:rPr>
              <a:t>Sep</a:t>
            </a:r>
          </a:p>
        </p:txBody>
      </p:sp>
      <p:sp>
        <p:nvSpPr>
          <p:cNvPr id="265" name="OTLSHAPE_TB_00000000000000000000000000000000_MiddleTimescaleInterval10">
            <a:extLst>
              <a:ext uri="{FF2B5EF4-FFF2-40B4-BE49-F238E27FC236}">
                <a16:creationId xmlns:a16="http://schemas.microsoft.com/office/drawing/2014/main" id="{46344194-1A0D-EFEB-7D38-E65D154BE2F9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9272743" y="755248"/>
            <a:ext cx="207942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4">
                <a:solidFill>
                  <a:schemeClr val="lt1"/>
                </a:solidFill>
                <a:latin typeface="Inter" panose="02000503000000020004" pitchFamily="2" charset="0"/>
              </a:rPr>
              <a:t>Oct</a:t>
            </a:r>
          </a:p>
        </p:txBody>
      </p:sp>
      <p:sp>
        <p:nvSpPr>
          <p:cNvPr id="267" name="OTLSHAPE_TB_00000000000000000000000000000000_MiddleTimescaleInterval11">
            <a:extLst>
              <a:ext uri="{FF2B5EF4-FFF2-40B4-BE49-F238E27FC236}">
                <a16:creationId xmlns:a16="http://schemas.microsoft.com/office/drawing/2014/main" id="{E456422C-2AF7-B031-D81D-815E687D3A38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9963955" y="755248"/>
            <a:ext cx="235257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30">
                <a:solidFill>
                  <a:schemeClr val="lt1"/>
                </a:solidFill>
                <a:latin typeface="Inter" panose="02000503000000020004" pitchFamily="2" charset="0"/>
              </a:rPr>
              <a:t>Nov</a:t>
            </a:r>
          </a:p>
        </p:txBody>
      </p:sp>
      <p:sp>
        <p:nvSpPr>
          <p:cNvPr id="272" name="OTLSHAPE_TB_00000000000000000000000000000000_MiddleTimescaleInterval12">
            <a:extLst>
              <a:ext uri="{FF2B5EF4-FFF2-40B4-BE49-F238E27FC236}">
                <a16:creationId xmlns:a16="http://schemas.microsoft.com/office/drawing/2014/main" id="{18E49A82-1503-99A8-65CE-78269B7FC111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0632870" y="755248"/>
            <a:ext cx="231217" cy="1537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6" dirty="0">
                <a:solidFill>
                  <a:schemeClr val="lt1"/>
                </a:solidFill>
                <a:latin typeface="Inter" panose="02000503000000020004" pitchFamily="2" charset="0"/>
              </a:rPr>
              <a:t>Dec</a:t>
            </a:r>
          </a:p>
        </p:txBody>
      </p:sp>
      <p:cxnSp>
        <p:nvCxnSpPr>
          <p:cNvPr id="215" name="OTLSHAPE_TB_00000000000000000000000000000000_MiddleSeparator1">
            <a:extLst>
              <a:ext uri="{FF2B5EF4-FFF2-40B4-BE49-F238E27FC236}">
                <a16:creationId xmlns:a16="http://schemas.microsoft.com/office/drawing/2014/main" id="{97105A71-0E0F-15D7-B640-AE06EE135074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3791033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" name="OTLSHAPE_TB_00000000000000000000000000000000_MiddleSeparator2">
            <a:extLst>
              <a:ext uri="{FF2B5EF4-FFF2-40B4-BE49-F238E27FC236}">
                <a16:creationId xmlns:a16="http://schemas.microsoft.com/office/drawing/2014/main" id="{3A4107EC-DE56-8F66-6DFA-CB5F800E2527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4437651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TB_00000000000000000000000000000000_MiddleSeparator3">
            <a:extLst>
              <a:ext uri="{FF2B5EF4-FFF2-40B4-BE49-F238E27FC236}">
                <a16:creationId xmlns:a16="http://schemas.microsoft.com/office/drawing/2014/main" id="{2CB7AAC5-BDC0-B363-C333-CFA91E9A44F6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5128863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B_00000000000000000000000000000000_Separator1">
            <a:extLst>
              <a:ext uri="{FF2B5EF4-FFF2-40B4-BE49-F238E27FC236}">
                <a16:creationId xmlns:a16="http://schemas.microsoft.com/office/drawing/2014/main" id="{E83B15A1-2889-B818-054E-3E4C2A4F08EF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5128863" y="5486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TB_00000000000000000000000000000000_Separator2">
            <a:extLst>
              <a:ext uri="{FF2B5EF4-FFF2-40B4-BE49-F238E27FC236}">
                <a16:creationId xmlns:a16="http://schemas.microsoft.com/office/drawing/2014/main" id="{2D45CAC1-1911-C123-3111-17417F402A87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7157904" y="5486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TB_00000000000000000000000000000000_Separator3">
            <a:extLst>
              <a:ext uri="{FF2B5EF4-FFF2-40B4-BE49-F238E27FC236}">
                <a16:creationId xmlns:a16="http://schemas.microsoft.com/office/drawing/2014/main" id="{9B86FADA-2060-C003-D17E-147D90DB5458}"/>
              </a:ext>
            </a:extLst>
          </p:cNvPr>
          <p:cNvCxnSpPr/>
          <p:nvPr>
            <p:custDataLst>
              <p:tags r:id="rId180"/>
            </p:custDataLst>
          </p:nvPr>
        </p:nvCxnSpPr>
        <p:spPr>
          <a:xfrm>
            <a:off x="9209243" y="5486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MiddleSeparator4">
            <a:extLst>
              <a:ext uri="{FF2B5EF4-FFF2-40B4-BE49-F238E27FC236}">
                <a16:creationId xmlns:a16="http://schemas.microsoft.com/office/drawing/2014/main" id="{5604B638-75D5-83A1-6828-F34C4E5E559B}"/>
              </a:ext>
            </a:extLst>
          </p:cNvPr>
          <p:cNvCxnSpPr/>
          <p:nvPr>
            <p:custDataLst>
              <p:tags r:id="rId181"/>
            </p:custDataLst>
          </p:nvPr>
        </p:nvCxnSpPr>
        <p:spPr>
          <a:xfrm>
            <a:off x="5797778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MiddleSeparator5">
            <a:extLst>
              <a:ext uri="{FF2B5EF4-FFF2-40B4-BE49-F238E27FC236}">
                <a16:creationId xmlns:a16="http://schemas.microsoft.com/office/drawing/2014/main" id="{1CC00FED-061B-EFDB-2CA2-16A1B91BCCDF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6488990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B_00000000000000000000000000000000_MiddleSeparator6">
            <a:extLst>
              <a:ext uri="{FF2B5EF4-FFF2-40B4-BE49-F238E27FC236}">
                <a16:creationId xmlns:a16="http://schemas.microsoft.com/office/drawing/2014/main" id="{76C656BE-1B08-CEB6-23DC-F2909B8DD126}"/>
              </a:ext>
            </a:extLst>
          </p:cNvPr>
          <p:cNvCxnSpPr/>
          <p:nvPr>
            <p:custDataLst>
              <p:tags r:id="rId183"/>
            </p:custDataLst>
          </p:nvPr>
        </p:nvCxnSpPr>
        <p:spPr>
          <a:xfrm>
            <a:off x="7157904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B_00000000000000000000000000000000_MiddleSeparator7">
            <a:extLst>
              <a:ext uri="{FF2B5EF4-FFF2-40B4-BE49-F238E27FC236}">
                <a16:creationId xmlns:a16="http://schemas.microsoft.com/office/drawing/2014/main" id="{97561029-63B6-1336-B6C5-27271E1656D6}"/>
              </a:ext>
            </a:extLst>
          </p:cNvPr>
          <p:cNvCxnSpPr/>
          <p:nvPr>
            <p:custDataLst>
              <p:tags r:id="rId184"/>
            </p:custDataLst>
          </p:nvPr>
        </p:nvCxnSpPr>
        <p:spPr>
          <a:xfrm>
            <a:off x="7849116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B_00000000000000000000000000000000_MiddleSeparator8">
            <a:extLst>
              <a:ext uri="{FF2B5EF4-FFF2-40B4-BE49-F238E27FC236}">
                <a16:creationId xmlns:a16="http://schemas.microsoft.com/office/drawing/2014/main" id="{0F2E5A90-1840-79FE-CB59-79D27FB4FE16}"/>
              </a:ext>
            </a:extLst>
          </p:cNvPr>
          <p:cNvCxnSpPr/>
          <p:nvPr>
            <p:custDataLst>
              <p:tags r:id="rId185"/>
            </p:custDataLst>
          </p:nvPr>
        </p:nvCxnSpPr>
        <p:spPr>
          <a:xfrm>
            <a:off x="8540328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B_00000000000000000000000000000000_MiddleSeparator9">
            <a:extLst>
              <a:ext uri="{FF2B5EF4-FFF2-40B4-BE49-F238E27FC236}">
                <a16:creationId xmlns:a16="http://schemas.microsoft.com/office/drawing/2014/main" id="{8F6CE2CF-CB61-A49B-6668-1B09AAAA1629}"/>
              </a:ext>
            </a:extLst>
          </p:cNvPr>
          <p:cNvCxnSpPr/>
          <p:nvPr>
            <p:custDataLst>
              <p:tags r:id="rId186"/>
            </p:custDataLst>
          </p:nvPr>
        </p:nvCxnSpPr>
        <p:spPr>
          <a:xfrm>
            <a:off x="9209243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B_00000000000000000000000000000000_MiddleSeparator10">
            <a:extLst>
              <a:ext uri="{FF2B5EF4-FFF2-40B4-BE49-F238E27FC236}">
                <a16:creationId xmlns:a16="http://schemas.microsoft.com/office/drawing/2014/main" id="{243C3B9C-42FB-A933-BB0C-34D5CDA97B1E}"/>
              </a:ext>
            </a:extLst>
          </p:cNvPr>
          <p:cNvCxnSpPr/>
          <p:nvPr>
            <p:custDataLst>
              <p:tags r:id="rId187"/>
            </p:custDataLst>
          </p:nvPr>
        </p:nvCxnSpPr>
        <p:spPr>
          <a:xfrm>
            <a:off x="9900455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B_00000000000000000000000000000000_MiddleSeparator11">
            <a:extLst>
              <a:ext uri="{FF2B5EF4-FFF2-40B4-BE49-F238E27FC236}">
                <a16:creationId xmlns:a16="http://schemas.microsoft.com/office/drawing/2014/main" id="{37F60BA6-EEFC-6C2E-E2CC-9C6CE2C0E8D9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10569370" y="7406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9718E8E3-52FD-1E94-ECA2-56CFEDAD9891}"/>
              </a:ext>
            </a:extLst>
          </p:cNvPr>
          <p:cNvSpPr txBox="1"/>
          <p:nvPr/>
        </p:nvSpPr>
        <p:spPr>
          <a:xfrm>
            <a:off x="63500" y="328252"/>
            <a:ext cx="2921625" cy="707886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Inter ExtraBold" panose="02000503000000020004" pitchFamily="2" charset="0"/>
                <a:ea typeface="Inter ExtraBold" panose="02000503000000020004" pitchFamily="2" charset="0"/>
              </a:rPr>
              <a:t>Project Management Conferences 2024</a:t>
            </a:r>
          </a:p>
        </p:txBody>
      </p:sp>
      <p:pic>
        <p:nvPicPr>
          <p:cNvPr id="10" name="Picture 9" descr="Icon&#10;&#10;Description automatically generated">
            <a:extLst>
              <a:ext uri="{FF2B5EF4-FFF2-40B4-BE49-F238E27FC236}">
                <a16:creationId xmlns:a16="http://schemas.microsoft.com/office/drawing/2014/main" id="{FEC3B32B-F881-8841-A746-E8A94F6657FE}"/>
              </a:ext>
            </a:extLst>
          </p:cNvPr>
          <p:cNvPicPr>
            <a:picLocks noChangeAspect="1"/>
          </p:cNvPicPr>
          <p:nvPr/>
        </p:nvPicPr>
        <p:blipFill>
          <a:blip r:embed="rId19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52143" y="549313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742761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dlNzE0MDlhLTcxMmMtNDA1Ni1hMDk1LTAzM2Q1OGI0YzhjYyIsIkhlYWRlclRleHQiOm51bGwsIklzRGVmYXVsdCI6dHJ1ZSwiU3R5bGUiOnsiJGlkIjoiNCIsIkhlYWRlclN0eWxlIjp7IiRpZCI6IjUiLCJUZXh0U3R5bGUiOnsiJGlkIjoiNiIsIkZvbnRTZXR0aW5ncyI6eyIkaWQiOiI3IiwiRm9udFNpemUiOjEwLCJGb250TmFtZSI6IkludGVyIiwiSXNCb2xkIjp0cnVlLCJJc0l0YWxpYyI6ZmFsc2UsIklzVW5kZXJsaW5lZCI6ZmFsc2UsIlBhcmVudFN0eWxlIjpudWxsfSwiQXV0b1NpemUiOjIsIkZvcmVncm91bmQiOnsiJGlkIjoiOCIsIkNvbG9yIjp7IiRpZCI6I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2OCwiRyI6MTE0LCJCIjoxOTZ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4MiIsIlRvcCI6MC4wLCJMZWZ0IjowLjAsIlJpZ2h0IjowLjAsIkJvdHRvbSI6MC4wfSwiUGFkZGluZyI6eyIkaWQiOiI4MyIsIlRvcCI6MC4wLCJMZWZ0IjowLjAsIlJpZ2h0IjowLjAsIkJvdHRvbSI6MC4wfSwiQmFja2dyb3VuZCI6eyIkaWQiOiI4NCIsIkNvbG9yIjp7IiRpZCI6Ijg1IiwiQSI6MCwiUiI6MjU1LCJHIjoyNTUsIkIiOjI1NX19LCJJc1Zpc2libGUiOnRydWUsIldpZHRoIjowLjAsIkhlaWdodCI6MC4wLCJCb3JkZXJTdHlsZSI6eyIkaWQiOiI4NiIsIkxpbmVDb2xvciI6bnVsbCwiTGluZVdlaWdodCI6MC4wLCJMaW5lVHlwZSI6MCwiUGFyZW50U3R5bGUiOm51bGx9LCJQYXJlbnRTdHlsZSI6bnVsbH0sIkRhdGVGb3JtYXQiOnsiJGlkIjoi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YzLCJSIjo2OCwiRyI6MTE0LCJCIjoxOTZ9fSwiSXNWaXNpYmxlIjp0cnVlLCJXaWR0aCI6MC4wLCJIZWlnaHQiOjAuMCwiQm9yZGVyU3R5bGUiOnsiJGlkIjoiMTY0IiwiTGluZUNvbG9yIjp7IiRpZCI6IjE2NSIsIiR0eXBlIjoiTkxSRS5Db21tb24uRG9tLlNvbGlkQ29sb3JCcnVzaCwgTkxSRS5Db21tb24iLCJDb2xvciI6eyIkaWQiOiIxNjYiLCJBIjoyNTUsIlIiOjI1NSwiRyI6MjU1LCJCIjoyNTV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NTEsIlIiOjY4LCJHIjoxMTQsIkIiOjE5Nn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gsIkZvbnROYW1lIjoiSW50ZXIiLCJJc0JvbGQiOnRydWUsIklzSXRhbGljIjpmYWxzZSwiSXNVbmRlcmxpbmVkIjpmYWxzZSwiUGFyZW50U3R5bGUiOm51bGx9LCJBdXRvU2l6ZSI6MCwiRm9yZWdyb3VuZCI6eyIkaWQiOiIyMjciLCJDb2xvciI6eyIkaWQiOiIyMjg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0NSIsIlRvcCI6MC4wLCJMZWZ0IjowLjAsIlJpZ2h0IjowLjAsIkJvdHRvbSI6MC4wfSwiUGFkZGluZyI6eyIkaWQiOiIyNDYiLCJUb3AiOjAuMCwiTGVmdCI6MC4wLCJSaWdodCI6MC4wLCJCb3R0b20iOjAuMH0sIkJhY2tncm91bmQiOnsiJGlkIjoiMjQ3IiwiQ29sb3IiOnsiJGlkIjoiMjQ4IiwiQSI6ODksIlIiOjAsIkciOjAsIkIiOjB9fSwiSXNWaXNpYmxlIjp0cnVlLCJXaWR0aCI6MC4wLCJIZWlnaHQiOjAuMCwiQm9yZGVyU3R5bGUiOnsiJGlkIjoiMjQ5IiwiTGluZUNvbG9yIjpudWxsLCJMaW5lV2VpZ2h0IjowLjAsIkxpbmVUeXBlIjowLCJQYXJlbnRTdHlsZSI6bnVsbH0sIlBhcmVudFN0eWxlIjpudWxsfSwiRHVyYXRpb25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ODksIlIiOjAsIkciOjAsIkIiOjB9fSwiSXNWaXNpYmxlIjp0cnVlLCJXaWR0aCI6MC4wLCJIZWlnaHQiOjAuMCwiQm9yZGVyU3R5bGUiOnsiJGlkIjoiMjU4IiwiTGluZUNvbG9yIjpudWxsLCJMaW5lV2VpZ2h0IjowLjAsIkxpbmVUeXBlIjowLCJQYXJlbnRTdHlsZSI6bnVsbH0sIlBhcmVudFN0eWxlIjpudWxsfSwiSG9yaXpvbnRhbENvbm5lY3RvclN0eWxlIjp7IiRpZCI6IjI1OSIsIkxpbmVDb2xvciI6eyIkcmVmIjoiMjAzIn0sIkxpbmVXZWlnaHQiOjEuMCwiTGluZVR5cGUiOjAsIlBhcmVudFN0eWxlIjpudWxsfSwiVmVydGljYWxDb25uZWN0b3JTdHlsZSI6eyIkaWQiOiIyNjAiLCJMaW5lQ29sb3IiOnsiJHJlZiI6IjIwNi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eyIkaWQiOiIyODIiLCJDb2xvciI6eyIkaWQiOiIyODMiLCJBIjowLCJSIjoyNTUsIkciOjI1NSwiQiI6MjU1fX0sIklzVmlzaWJsZSI6dHJ1ZSwiV2lkdGgiOjAuMCwiSGVpZ2h0IjowLjAsIkJvcmRlclN0eWxlIjp7IiRpZCI6IjI4NCIsIkxpbmVDb2xvciI6bnVsbCwiTGluZVdlaWdodCI6MC4wLCJMaW5lVHlwZSI6MCwiUGFyZW50U3R5bGUiOm51bGx9LCJQYXJlbnRTdHlsZSI6bnVsbH0sIkRhdGVGb3JtYXQiOnsiJGlkIjoiMj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aWQiOiIzNzEiLCJDb2xvciI6eyIkaWQiOiIzNzIiLCJBIjowLCJSIjoyNTUsIkciOjI1NSwiQiI6MjU1fX0sIklzVmlzaWJsZSI6dHJ1ZSwiV2lkdGgiOjAuMCwiSGVpZ2h0IjowLjAsIkJvcmRlclN0eWxlIjp7IiRpZCI6IjM3MyIsIkxpbmVDb2xvciI6bnVsbCwiTGluZVdlaWdodCI6MC4wLCJMaW5lVHlwZSI6MCwiUGFyZW50U3R5bGUiOm51bGx9LCJQYXJlbnRTdHlsZSI6bnVsbH0sIkRhdGVGb3JtYXQiOnsiJGlkIjoiMz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aWQiOiI0MTkiLCJDb2xvciI6eyIkaWQiOiI0MjAiLCJBIjo4OSwiUiI6MCwiRyI6MCwiQiI6MH1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aWQiOiI0MjU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U3R5bGUiOnsiJGlkIjoiNTQzIiwiRm9udFNldHRpbmdzIjp7IiRpZCI6IjU0NCIsIkZvbnRTaXplIjo4LCJGb250TmFtZSI6IkludGVyIiwiSXNCb2xkIjp0cnVlLCJJc0l0YWxpYyI6ZmFsc2UsIklzVW5kZXJsaW5lZCI6ZmFsc2UsIlBhcmVudFN0eWxlIjpudWxsfSwiQXV0b1NpemUiOjAsIkZvcmVncm91bmQiOnsiJGlkIjoiNTQ1IiwiQ29sb3IiOnsiJGlkIjoiNTQ2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2NDkiLCJUb3AiOjAuMCwiTGVmdCI6MC4wLCJSaWdodCI6MC4wLCJCb3R0b20iOjAuMH0sIlBhZGRpbmciOnsiJGlkIjoiNjUwIiwiVG9wIjowLjAsIkxlZnQiOjAuMCwiUmlnaHQiOjAuMCwiQm90dG9tIjowLjB9LCJCYWNrZ3JvdW5kIjp7IiRpZCI6IjY1MSIsIkNvbG9yIjp7IiRpZCI6IjY1MiIsIkEiOjAsIlIiOjI1NSwiRyI6MjU1LCJCIjoyNTV9fSwiSXNWaXNpYmxlIjp0cnV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7IiRpZCI6IjcwMyIsIkNvbG9yIjp7IiRpZCI6IjcwNCIsIkEiOjAsIlIiOjI1NSwiRyI6MjU1LCJCIjoyNTV9fSwiSXNWaXNpYmxlIjp0cnVlLCJXaWR0aCI6MC4wLCJIZWlnaHQiOjAuMCwiQm9yZGVyU3R5bGUiOnsiJGlkIjoiNzA1IiwiTGluZUNvbG9yIjpudWxsLCJMaW5lV2VpZ2h0IjowLjAsIkxpbmVUeXBlIjowLCJQYXJlbnRTdHlsZSI6bnVsbH0sIlBhcmVudFN0eWxlIjpudWxsfSwiRGF0ZUZvcm1hdCI6eyIkaWQiOiI3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wLCJSIjoyNTUsIkciOjI1NSwiQiI6MjU1fX0sIklzVmlzaWJsZSI6dHJ1ZSwiV2lkdGgiOjAuMCwiSGVpZ2h0IjowLjAsIkJvcmRlclN0eWxlIjp7IiRpZCI6Ijc1NiIsIkxpbmVDb2xvciI6bnVsbCwiTGluZVdlaWdodCI6MC4wLCJMaW5lVHlwZSI6MCwiUGFyZW50U3R5bGUiOm51bGx9LCJQYXJlbnRTdHlsZSI6bnVsbH0sIkRhdGVGb3JtYXQiOnsiJGlkIjoiNz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3NzgiLCJUb3AiOjAuMCwiTGVmdCI6MC4wLCJSaWdodCI6MC4wLCJCb3R0b20iOjAuMH0sIlBhZGRpbmciOnsiJGlkIjoiNzc5IiwiVG9wIjowLjAsIkxlZnQiOjAuMCwiUmlnaHQiOjAuMCwiQm90dG9tIjowLjB9LCJCYWNrZ3JvdW5kIjp7IiRpZCI6Ijc4MCIsIkNvbG9yIjp7IiRpZCI6Ijc4MSIsIkEiOjg5LCJSIjowLCJHIjowLCJCIjow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UyMSJ9LCJMaW5lV2VpZ2h0IjoxLjAsIkxpbmVUeXBlIjowLCJQYXJlbnRTdHlsZSI6bnVsbH0sIlZlcnRpY2FsQ29ubmVjdG9yU3R5bGUiOnsiJGlkIjoiNzg0IiwiTGluZUNvbG9yIjp7IiRyZWYiOiI1MjQi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pZCI6IjgwNyIsIkEiOjAsIlIiOjI1NSwiRyI6MjU1LCJCIjoyNTV9fSwiSXNWaXNpYmxlIjp0cnVlLCJXaWR0aCI6MC4wLCJIZWlnaHQiOjAuMCwiQm9yZGVyU3R5bGUiOnsiJGlkIjoiODA4IiwiTGluZUNvbG9yIjpudWxsLCJMaW5lV2VpZ2h0IjowLjAsIkxpbmVUeXBlIjowLCJQYXJlbnRTdHlsZSI6bnVsbH0sIlBhcmVudFN0eWxlIjpudWxsfSwiRGF0ZUZvcm1hdCI6eyIkaWQiOiI4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MCwiUiI6MjU1LCJHIjoyNTUsIkIiOjI1NX19LCJJc1Zpc2libGUiOnRydWUsIldpZHRoIjowLjAsIkhlaWdodCI6MC4wLCJCb3JkZXJTdHlsZSI6eyIkaWQiOiI5MTEiLCJMaW5lQ29sb3IiOm51bGwsIkxpbmVXZWlnaHQiOjAuMCwiTGluZVR5cGUiOjAsIlBhcmVudFN0eWxlIjpudWxsfSwiUGFyZW50U3R5bGUiOm51bGx9LCJEYXRlRm9ybWF0Ijp7IiRpZCI6Ijk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xNTk1IiwiVG9wIjowLjAsIkxlZnQiOjAuMCwiUmlnaHQiOjAuMCwiQm90dG9tIjowLjB9LCJQYWRkaW5nIjp7IiRpZCI6IjE1OTYiLCJUb3AiOjAuMCwiTGVmdCI6MC4wLCJSaWdodCI6MC4wLCJCb3R0b20iOjAuMH0sIkJhY2tncm91bmQiOnsiJGlkIjoiMTU5NyIsIkNvbG9yIjp7IiRpZCI6IjE1OTgiLCJBIjowLCJSIjoyNTUsIkciOjI1NSwiQiI6MjU1fX0sIklzVmlzaWJsZSI6dHJ1ZSwiV2lkdGgiOjAuMCwiSGVpZ2h0IjowLjAsIkJvcmRlclN0eWxlIjpudWxsLCJQYXJlbnRTdHlsZSI6bnVsbH0sIkRhdGVGb3JtYXQiOnsiJGlkIjoiMTU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w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5MDkiLCJUb3AiOjAuMCwiTGVmdCI6MC4wLCJSaWdodCI6MC4wLCJCb3R0b20iOjAuMH0sIlBhZGRpbmciOnsiJGlkIjoiMTkxMCIsIlRvcCI6MC4wLCJMZWZ0IjowLjAsIlJpZ2h0IjowLjAsIkJvdHRvbSI6MC4wfSwiQmFja2dyb3VuZCI6bnVsbCwiSXNWaXNpYmxlIjp0cnVlLCJXaWR0aCI6MC4wLCJIZWlnaHQiOjAuMCwiQm9yZGVyU3R5bGUiOm51bGwsIlBhcmVudFN0eWxlIjpudWxsfSwiUmVjdGFuZ2x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U5NSJ9LCJQYWRkaW5nIjp7IiRyZWYiOiIxNTk2In0sIkJhY2tncm91bmQiOnsiJGlkIjoiMjY3MyIsIkNvbG9yIjp7IiRpZCI6IjI2NzQiLCJBIjo4OSwiUiI6MCwiRyI6MCwiQiI6MH19LCJJc1Zpc2libGUiOnRydWUsIldpZHRoIjowLjAsIkhlaWdodCI6MC4wLCJCb3JkZXJTdHlsZSI6bnVsbCwiUGFyZW50U3R5bGUiOm51bGx9LCJEYXRlRm9ybWF0Ijp7IiRpZCI6IjI2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yNzE2IiwiVG9wIjowLjAsIkxlZnQiOjAuMCwiUmlnaHQiOjAuMCwiQm90dG9tIjowLjB9LCJQYWRkaW5nIjp7IiRpZCI6IjI3MTciLCJUb3AiOjAuMCwiTGVmdCI6MC4wLCJSaWdodCI6MC4wLCJCb3R0b20iOjAuMH0sIkJhY2tncm91bmQiOnsiJGlkIjoiMjcxOCIsIkNvbG9yIjp7IiRpZCI6IjI3MTkiLCJBIjo4OSwiUiI6MCwiRyI6MCwiQiI6MH19LCJJc1Zpc2libGUiOnRydWUsIldpZHRoIjowLjAsIkhlaWdodCI6MC4wLCJCb3JkZXJTdHlsZSI6bnVsbCwiUGFyZW50U3R5bGUiOm51bGx9LCJEYXRlRm9ybWF0Ijp7IiRpZCI6IjI3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yMSIsIkZvcm1hdCI6MCwiSXNWaXNpYmxlIjpmYWxzZSwiTGFzdEtub3duVmlzaWJpbGl0eVN0YXRlIjpmYWxzZX0sIklzVmlzaWJsZSI6dHJ1ZSwiUGFyZW50U3R5bGUiOm51bGwsIl9leHBsaWNpdGx5U2V0Ijp7IiRpZCI6IjI3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c0NCIsIlRvcCI6MC4wLCJMZWZ0IjowLjAsIlJpZ2h0IjowLjAsIkJvdHRvbSI6MC4wfSwiUGFkZGluZyI6eyIkaWQiOiIyNzQ1IiwiVG9wIjowLjAsIkxlZnQiOjAuMCwiUmlnaHQiOjAuMCwiQm90dG9tIjowLjB9LCJCYWNrZ3JvdW5kIjp7IiRpZCI6IjI3NDYiLCJDb2xvciI6eyIkaWQiOiIyNzQ3IiwiQSI6ODksIlIiOjAsIkciOjAsIkIiOjB9fSwiSXNWaXNpYmxlIjp0cnVlLCJXaWR0aCI6MC4wLCJIZWlnaHQiOjAuMCwiQm9yZGVyU3R5bGUiOm51bGwsIlBhcmVudFN0eWxlIjpudWxsfSwiRGF0ZUZvcm1hdCI6eyIkaWQiOiIyNz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4-01-01T23:59:00.0000000"/>
  <p:tag name="OTLTIMEBANDENDDATE" val="2024-12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197.587083333333"/>
  <p:tag name="OTLTIMEBANDFYSTARTMONTH" val="January"/>
  <p:tag name="OTLTIMEBANDSHOWFYLABEL" val="True"/>
  <p:tag name="OTLTIMEBANDUSESTARTINGOFTHEYEARFORFYNUMBERING" val="True"/>
  <p:tag name="OTLTIMEBANDRESERVEDLEFTAREAWIDTH" val="119.03125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16"/>
  <p:tag name="OTLTIMEBANDSPACINGBELOW" val="16"/>
  <p:tag name="OTLTIMEBANDSPACINGABOVEFORSWLANDTASKS" val="16"/>
  <p:tag name="OTLTIMEBANDSPACINGBELOWFORSWLANDTASKS" val="16"/>
  <p:tag name="OTLTIMEBANDSCALETYPE" val="Quarters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4-01-01T23:59:00.0000000"/>
  <p:tag name="OTLTIMEBANDENDDATE" val="2024-12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197.587083333333"/>
  <p:tag name="OTLTIMEBANDFYSTARTMONTH" val="January"/>
  <p:tag name="OTLTIMEBANDSHOWFYLABEL" val="True"/>
  <p:tag name="OTLTIMEBANDUSESTARTINGOFTHEYEARFORFYNUMBERING" val="True"/>
  <p:tag name="OTLTIMEBANDRESERVEDLEFTAREAWIDTH" val="119.03125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16"/>
  <p:tag name="OTLTIMEBANDSPACINGBELOW" val="16"/>
  <p:tag name="OTLTIMEBANDSPACINGABOVEFORSWLANDTASKS" val="16"/>
  <p:tag name="OTLTIMEBANDSPACINGBELOWFORSWLANDTASKS" val="16"/>
  <p:tag name="OTLTIMEBANDSCALETYPE" val="Months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22T00:00:00.0000000"/>
  <p:tag name="OTLENDDATE" val="2024-04-24T23:59:00.0000000"/>
  <p:tag name="OTLDURATIONFORMAT" val="day"/>
  <p:tag name="OTLSHAPETHICKNESSTYPE" val="Thin"/>
  <p:tag name="OTLSPACING" val="3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06T00:00:00.0000000Z"/>
  <p:tag name="OTLENDDATE" val="2024-05-08T23:59:00.0000000Z"/>
  <p:tag name="OTLDURATIONFORMAT" val="day"/>
  <p:tag name="OTLSHAPETHICKNESSTYPE" val="Thin"/>
  <p:tag name="OTLSPACING" val="3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5T00:00:00.0000000Z"/>
  <p:tag name="OTLENDDATE" val="2024-03-28T23:59:00.0000000Z"/>
  <p:tag name="OTLDURATIONFORMAT" val="day"/>
  <p:tag name="OTLSHAPETHICKNESSTYPE" val="Thin"/>
  <p:tag name="OTLSPACING" val="3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18T00:00:00.0000000Z"/>
  <p:tag name="OTLENDDATE" val="2024-04-19T23:59:00.0000000Z"/>
  <p:tag name="OTLDURATIONFORMAT" val="day"/>
  <p:tag name="OTLSHAPETHICKNESSTYPE" val="Thin"/>
  <p:tag name="OTLSPACING" val="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4-02-29T00:00:00.0000000Z"/>
  <p:tag name="OTLENDDATE" val="2024-03-02T23:59:00.0000000Z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11T00:00:00.0000000"/>
  <p:tag name="OTLENDDATE" val="2024-06-14T23:59:00.0000000"/>
  <p:tag name="OTLDURATIONFORMAT" val="day"/>
  <p:tag name="OTLSHAPETHICKNESSTYPE" val="Thin"/>
  <p:tag name="OTLSPACING" val="3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19T00:00:00.0000000"/>
  <p:tag name="OTLENDDATE" val="2024-04-21T23:59:00.0000000"/>
  <p:tag name="OTLDURATIONFORMAT" val="day"/>
  <p:tag name="OTLSHAPETHICKNESSTYPE" val="Thin"/>
  <p:tag name="OTLSPACING" val="3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4T00:00:00.0000000"/>
  <p:tag name="OTLENDDATE" val="2024-03-27T23:59:00.0000000"/>
  <p:tag name="OTLDURATIONFORMAT" val="day"/>
  <p:tag name="OTLDATEFORMATDATEISVISIBLE" val="True"/>
  <p:tag name="OTLDATEFORMATTIMEISVISIBLE" val="False"/>
  <p:tag name="OTLSPACING" val="3"/>
  <p:tag name="OTLSHAPETHICKNESSTYPE" val="Thin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7-22T23:59:00.0000000"/>
  <p:tag name="OTLENDDATE" val="2024-07-26T23:58:00.0000000"/>
  <p:tag name="OTLDURATIONFORMAT" val="day"/>
  <p:tag name="OTLSHAPETHICKNESSTYPE" val="Thin"/>
  <p:tag name="OTLSPACING" val="3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8T23:57:00.0000000"/>
  <p:tag name="OTLENDDATE" val="2024-09-21T23:56:00.0000000"/>
  <p:tag name="OTLDURATIONFORMAT" val="day"/>
  <p:tag name="OTLSHAPETHICKNESSTYPE" val="Thin"/>
  <p:tag name="OTLSPACING" val="3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2-27T23:57:00.0000000"/>
  <p:tag name="OTLENDDATE" val="2024-02-28T23:56:00.0000000"/>
  <p:tag name="OTLDURATIONFORMAT" val="day"/>
  <p:tag name="OTLSHAPETHICKNESSTYPE" val="Thin"/>
  <p:tag name="OTLSPACING" val="3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25T23:57:00.0000000"/>
  <p:tag name="OTLENDDATE" val="2024-04-26T23:56:00.0000000"/>
  <p:tag name="OTLDURATIONFORMAT" val="day"/>
  <p:tag name="OTLSHAPETHICKNESSTYPE" val="Thin"/>
  <p:tag name="OTLSPACING" val="3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4T23:57:00.0000000"/>
  <p:tag name="OTLENDDATE" val="2024-12-05T23:56:00.0000000"/>
  <p:tag name="OTLDURATIONFORMAT" val="day"/>
  <p:tag name="OTLSPACING" val="3"/>
  <p:tag name="OTLSHAPETHICKNESSTYPE" val="Thin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14T23:57:00.0000000"/>
  <p:tag name="OTLENDDATE" val="2024-08-15T23:56:00.0000000"/>
  <p:tag name="OTLDURATIONFORMAT" val="day"/>
  <p:tag name="OTLSHAPETHICKNESSTYPE" val="Thin"/>
  <p:tag name="OTLSPACING" val="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10T23:57:00.0000000"/>
  <p:tag name="OTLENDDATE" val="2024-06-11T23:56:00.0000000"/>
  <p:tag name="OTLDURATIONFORMAT" val="day"/>
  <p:tag name="OTLSHAPETHICKNESSTYPE" val="Thin"/>
  <p:tag name="OTLSPACING" val="3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13T23:57:00.0000000"/>
  <p:tag name="OTLENDDATE" val="2024-03-14T23:56:00.0000000"/>
  <p:tag name="OTLDURATIONFORMAT" val="day"/>
  <p:tag name="OTLSHAPETHICKNESSTYPE" val="Thin"/>
  <p:tag name="OTLSPACING" val="3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14T23:57:00.0000000"/>
  <p:tag name="OTLENDDATE" val="2024-08-15T23:56:00.0000000"/>
  <p:tag name="OTLDURATIONFORMAT" val="day"/>
  <p:tag name="OTLSPACING" val="3"/>
  <p:tag name="OTLSHAPETHICKNESSTYPE" val="Thin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03T23:57:00.0000000"/>
  <p:tag name="OTLENDDATE" val="2024-04-04T23:56:00.0000000"/>
  <p:tag name="OTLDURATIONFORMAT" val="day"/>
  <p:tag name="OTLSHAPETHICKNESSTYPE" val="Thin"/>
  <p:tag name="OTLSPACING" val="3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19T23:56:00.0000000"/>
  <p:tag name="OTLENDDATE" val="2024-05-22T23:55:00.0000000"/>
  <p:tag name="OTLDURATIONFORMAT" val="day"/>
  <p:tag name="OTLSHAPETHICKNESSTYPE" val="Thin"/>
  <p:tag name="OTLSPACING" val="3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18T00:00:00.0000000"/>
  <p:tag name="OTLENDDATE" val="2024-06-19T23:59:00.0000000"/>
  <p:tag name="OTLDURATIONFORMAT" val="day"/>
  <p:tag name="OTLSHAPETHICKNESSTYPE" val="Thin"/>
  <p:tag name="OTLSPACING" val="3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13T23:56:00.0000000"/>
  <p:tag name="OTLENDDATE" val="2024-08-15T23:55:00.0000000"/>
  <p:tag name="OTLDURATIONFORMAT" val="day"/>
  <p:tag name="OTLSHAPETHICKNESSTYPE" val="Thin"/>
  <p:tag name="OTLSPACING" val="3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10T23:57:00.0000000"/>
  <p:tag name="OTLENDDATE" val="2024-04-11T23:56:00.0000000"/>
  <p:tag name="OTLDURATIONFORMAT" val="day"/>
  <p:tag name="OTLSHAPETHICKNESSTYPE" val="Thin"/>
  <p:tag name="OTLSPACING" val="3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11T00:00:00.0000000Z"/>
  <p:tag name="OTLENDDATE" val="2024-06-13T23:59:00.0000000Z"/>
  <p:tag name="OTLDURATIONFORMAT" val="day"/>
  <p:tag name="OTLSPACING" val="3"/>
  <p:tag name="OTLSHAPETHICKNESSTYPE" val="Thin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3T23:58:00.0000000"/>
  <p:tag name="OTLENDDATE" val="2024-10-10T23:57:00.0000000"/>
  <p:tag name="OTLDURATIONFORMAT" val="day"/>
  <p:tag name="OTLSPACING" val="3"/>
  <p:tag name="OTLSHAPETHICKNESSTYPE" val="Thin"/>
  <p:tag name="OTLDATEFORMATDATEISVISIBLE" val="True"/>
  <p:tag name="OTLDATEFORMATTIME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05T23:56:00.0000000"/>
  <p:tag name="OTLENDDATE" val="2024-09-06T23:55:00.0000000"/>
  <p:tag name="OTLDURATIONFORMAT" val="day"/>
  <p:tag name="OTLSPACING" val="3"/>
  <p:tag name="OTLSHAPETHICKNESSTYPE" val="Thin"/>
  <p:tag name="OTLDATEFORMATDATEISVISIBLE" val="True"/>
  <p:tag name="OTLDATEFORMATTIMEISVISIBLE" val="Fals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ndon"/>
  <p:tag name="OTLDATE" val="2024-10-03T23:58:00.0000000"/>
  <p:tag name="OTLPOSITIONONTASK" val="None"/>
  <p:tag name="OTLRELATEDTASKID" val="00000000-0000-0000-0000-000000000000"/>
  <p:tag name="OTLMILESTONESPACING" val="5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8</Words>
  <Application>Microsoft Office PowerPoint</Application>
  <PresentationFormat>Widescreen</PresentationFormat>
  <Paragraphs>10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5" baseType="lpstr">
      <vt:lpstr>Aptos</vt:lpstr>
      <vt:lpstr>Aptos Display</vt:lpstr>
      <vt:lpstr>Arial</vt:lpstr>
      <vt:lpstr>Calibri</vt:lpstr>
      <vt:lpstr>Calibri Light</vt:lpstr>
      <vt:lpstr>Inter</vt:lpstr>
      <vt:lpstr>Inter Black</vt:lpstr>
      <vt:lpstr>Inter ExtraBold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1-23T09:34:05Z</dcterms:created>
  <dcterms:modified xsi:type="dcterms:W3CDTF">2024-01-23T13:23:11Z</dcterms:modified>
</cp:coreProperties>
</file>